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slideLayouts/slideLayout18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1" r:id="rId1"/>
    <p:sldMasterId id="2147483656" r:id="rId2"/>
    <p:sldMasterId id="2147483654" r:id="rId3"/>
  </p:sldMasterIdLst>
  <p:notesMasterIdLst>
    <p:notesMasterId r:id="rId28"/>
  </p:notesMasterIdLst>
  <p:sldIdLst>
    <p:sldId id="270" r:id="rId4"/>
    <p:sldId id="340" r:id="rId5"/>
    <p:sldId id="271" r:id="rId6"/>
    <p:sldId id="296" r:id="rId7"/>
    <p:sldId id="315" r:id="rId8"/>
    <p:sldId id="344" r:id="rId9"/>
    <p:sldId id="341" r:id="rId10"/>
    <p:sldId id="342" r:id="rId11"/>
    <p:sldId id="346" r:id="rId12"/>
    <p:sldId id="278" r:id="rId13"/>
    <p:sldId id="314" r:id="rId14"/>
    <p:sldId id="347" r:id="rId15"/>
    <p:sldId id="348" r:id="rId16"/>
    <p:sldId id="284" r:id="rId17"/>
    <p:sldId id="349" r:id="rId18"/>
    <p:sldId id="279" r:id="rId19"/>
    <p:sldId id="354" r:id="rId20"/>
    <p:sldId id="355" r:id="rId21"/>
    <p:sldId id="298" r:id="rId22"/>
    <p:sldId id="356" r:id="rId23"/>
    <p:sldId id="281" r:id="rId24"/>
    <p:sldId id="357" r:id="rId25"/>
    <p:sldId id="305" r:id="rId26"/>
    <p:sldId id="316" r:id="rId2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52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BF61"/>
    <a:srgbClr val="F69200"/>
    <a:srgbClr val="B96D00"/>
    <a:srgbClr val="FFD6EA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4A161F1-2797-4606-A74C-CFFE3B224932}" v="329" dt="2020-12-08T09:10:06.67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566" autoAdjust="0"/>
    <p:restoredTop sz="69057" autoAdjust="0"/>
  </p:normalViewPr>
  <p:slideViewPr>
    <p:cSldViewPr snapToGrid="0" showGuides="1">
      <p:cViewPr varScale="1">
        <p:scale>
          <a:sx n="59" d="100"/>
          <a:sy n="59" d="100"/>
        </p:scale>
        <p:origin x="1819" y="58"/>
      </p:cViewPr>
      <p:guideLst>
        <p:guide orient="horz" pos="2352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34" Type="http://schemas.microsoft.com/office/2015/10/relationships/revisionInfo" Target="revisionInfo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microsoft.com/office/2016/11/relationships/changesInfo" Target="changesInfos/changesInfo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theme" Target="theme/theme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uhammad Hami Asma'l ISMAIL" userId="a8660aee-7994-4c5b-bbca-19bd60ee1bac" providerId="ADAL" clId="{54A161F1-2797-4606-A74C-CFFE3B224932}"/>
    <pc:docChg chg="undo redo custSel modSld">
      <pc:chgData name="Muhammad Hami Asma'l ISMAIL" userId="a8660aee-7994-4c5b-bbca-19bd60ee1bac" providerId="ADAL" clId="{54A161F1-2797-4606-A74C-CFFE3B224932}" dt="2020-12-08T14:17:17.559" v="3460" actId="20577"/>
      <pc:docMkLst>
        <pc:docMk/>
      </pc:docMkLst>
      <pc:sldChg chg="modSp modNotesTx">
        <pc:chgData name="Muhammad Hami Asma'l ISMAIL" userId="a8660aee-7994-4c5b-bbca-19bd60ee1bac" providerId="ADAL" clId="{54A161F1-2797-4606-A74C-CFFE3B224932}" dt="2020-12-08T10:31:50.814" v="3425" actId="5793"/>
        <pc:sldMkLst>
          <pc:docMk/>
          <pc:sldMk cId="3086685074" sldId="270"/>
        </pc:sldMkLst>
        <pc:spChg chg="mod">
          <ac:chgData name="Muhammad Hami Asma'l ISMAIL" userId="a8660aee-7994-4c5b-bbca-19bd60ee1bac" providerId="ADAL" clId="{54A161F1-2797-4606-A74C-CFFE3B224932}" dt="2020-12-07T01:08:24.059" v="2950" actId="1076"/>
          <ac:spMkLst>
            <pc:docMk/>
            <pc:sldMk cId="3086685074" sldId="270"/>
            <ac:spMk id="21" creationId="{93AEA043-746F-4334-A00A-A4587B060237}"/>
          </ac:spMkLst>
        </pc:spChg>
        <pc:spChg chg="mod">
          <ac:chgData name="Muhammad Hami Asma'l ISMAIL" userId="a8660aee-7994-4c5b-bbca-19bd60ee1bac" providerId="ADAL" clId="{54A161F1-2797-4606-A74C-CFFE3B224932}" dt="2020-12-07T01:08:32.390" v="2954" actId="403"/>
          <ac:spMkLst>
            <pc:docMk/>
            <pc:sldMk cId="3086685074" sldId="270"/>
            <ac:spMk id="22" creationId="{7DC83D12-1353-440F-A5DC-1ACD4C118187}"/>
          </ac:spMkLst>
        </pc:spChg>
      </pc:sldChg>
      <pc:sldChg chg="addSp delSp modSp">
        <pc:chgData name="Muhammad Hami Asma'l ISMAIL" userId="a8660aee-7994-4c5b-bbca-19bd60ee1bac" providerId="ADAL" clId="{54A161F1-2797-4606-A74C-CFFE3B224932}" dt="2020-12-07T00:55:23.883" v="2607" actId="14100"/>
        <pc:sldMkLst>
          <pc:docMk/>
          <pc:sldMk cId="2720491299" sldId="278"/>
        </pc:sldMkLst>
        <pc:spChg chg="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3" creationId="{E9647152-983C-49E8-9F34-F9883A63DBB6}"/>
          </ac:spMkLst>
        </pc:spChg>
        <pc:spChg chg="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4" creationId="{FEE95F1F-FB62-4B4C-9F0B-FA681AEE1E2B}"/>
          </ac:spMkLst>
        </pc:spChg>
        <pc:spChg chg="add del 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5" creationId="{0CE3B5B2-728D-403D-9D87-14149A2E1A61}"/>
          </ac:spMkLst>
        </pc:spChg>
        <pc:spChg chg="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6" creationId="{99E07440-AFB1-402B-A374-9476FBA9AC8B}"/>
          </ac:spMkLst>
        </pc:spChg>
        <pc:spChg chg="del">
          <ac:chgData name="Muhammad Hami Asma'l ISMAIL" userId="a8660aee-7994-4c5b-bbca-19bd60ee1bac" providerId="ADAL" clId="{54A161F1-2797-4606-A74C-CFFE3B224932}" dt="2020-12-02T13:33:18.095" v="0" actId="478"/>
          <ac:spMkLst>
            <pc:docMk/>
            <pc:sldMk cId="2720491299" sldId="278"/>
            <ac:spMk id="7" creationId="{9E4D582D-3FB9-499C-93A5-F4399A2540EB}"/>
          </ac:spMkLst>
        </pc:spChg>
        <pc:spChg chg="del">
          <ac:chgData name="Muhammad Hami Asma'l ISMAIL" userId="a8660aee-7994-4c5b-bbca-19bd60ee1bac" providerId="ADAL" clId="{54A161F1-2797-4606-A74C-CFFE3B224932}" dt="2020-12-02T13:33:24.259" v="5" actId="478"/>
          <ac:spMkLst>
            <pc:docMk/>
            <pc:sldMk cId="2720491299" sldId="278"/>
            <ac:spMk id="8" creationId="{E89BBC20-83A1-480D-84CA-0140249522D9}"/>
          </ac:spMkLst>
        </pc:spChg>
        <pc:spChg chg="del">
          <ac:chgData name="Muhammad Hami Asma'l ISMAIL" userId="a8660aee-7994-4c5b-bbca-19bd60ee1bac" providerId="ADAL" clId="{54A161F1-2797-4606-A74C-CFFE3B224932}" dt="2020-12-02T13:33:19.120" v="1" actId="478"/>
          <ac:spMkLst>
            <pc:docMk/>
            <pc:sldMk cId="2720491299" sldId="278"/>
            <ac:spMk id="9" creationId="{E0128FAD-AD00-4242-94C0-A3B0A04B2802}"/>
          </ac:spMkLst>
        </pc:spChg>
        <pc:spChg chg="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10" creationId="{A5FB48C7-9C68-47C0-8DB6-68A116A59A79}"/>
          </ac:spMkLst>
        </pc:spChg>
        <pc:spChg chg="del">
          <ac:chgData name="Muhammad Hami Asma'l ISMAIL" userId="a8660aee-7994-4c5b-bbca-19bd60ee1bac" providerId="ADAL" clId="{54A161F1-2797-4606-A74C-CFFE3B224932}" dt="2020-12-02T13:33:25.399" v="6" actId="478"/>
          <ac:spMkLst>
            <pc:docMk/>
            <pc:sldMk cId="2720491299" sldId="278"/>
            <ac:spMk id="11" creationId="{9DE38CF0-4A70-4BB3-9422-5DD3DEF3AB33}"/>
          </ac:spMkLst>
        </pc:spChg>
        <pc:spChg chg="del">
          <ac:chgData name="Muhammad Hami Asma'l ISMAIL" userId="a8660aee-7994-4c5b-bbca-19bd60ee1bac" providerId="ADAL" clId="{54A161F1-2797-4606-A74C-CFFE3B224932}" dt="2020-12-02T13:33:23.195" v="4" actId="478"/>
          <ac:spMkLst>
            <pc:docMk/>
            <pc:sldMk cId="2720491299" sldId="278"/>
            <ac:spMk id="12" creationId="{F8681329-8D57-4047-9185-C5CD23E86D92}"/>
          </ac:spMkLst>
        </pc:spChg>
        <pc:spChg chg="mod topLvl">
          <ac:chgData name="Muhammad Hami Asma'l ISMAIL" userId="a8660aee-7994-4c5b-bbca-19bd60ee1bac" providerId="ADAL" clId="{54A161F1-2797-4606-A74C-CFFE3B224932}" dt="2020-12-07T00:52:32.040" v="2571" actId="14100"/>
          <ac:spMkLst>
            <pc:docMk/>
            <pc:sldMk cId="2720491299" sldId="278"/>
            <ac:spMk id="15" creationId="{E49C3BDD-659C-46AE-A6E9-D7B283F5B862}"/>
          </ac:spMkLst>
        </pc:spChg>
        <pc:spChg chg="add del mod topLvl">
          <ac:chgData name="Muhammad Hami Asma'l ISMAIL" userId="a8660aee-7994-4c5b-bbca-19bd60ee1bac" providerId="ADAL" clId="{54A161F1-2797-4606-A74C-CFFE3B224932}" dt="2020-12-07T00:52:35.392" v="2572" actId="14100"/>
          <ac:spMkLst>
            <pc:docMk/>
            <pc:sldMk cId="2720491299" sldId="278"/>
            <ac:spMk id="16" creationId="{F4C6F4E4-6D0D-4B70-A06B-9B42EF9D5B5A}"/>
          </ac:spMkLst>
        </pc:spChg>
        <pc:spChg chg="mod">
          <ac:chgData name="Muhammad Hami Asma'l ISMAIL" userId="a8660aee-7994-4c5b-bbca-19bd60ee1bac" providerId="ADAL" clId="{54A161F1-2797-4606-A74C-CFFE3B224932}" dt="2020-12-07T00:52:39.838" v="2573" actId="403"/>
          <ac:spMkLst>
            <pc:docMk/>
            <pc:sldMk cId="2720491299" sldId="278"/>
            <ac:spMk id="18" creationId="{8111D17D-DF26-4136-B902-5B8F94F3BD04}"/>
          </ac:spMkLst>
        </pc:spChg>
        <pc:spChg chg="mod">
          <ac:chgData name="Muhammad Hami Asma'l ISMAIL" userId="a8660aee-7994-4c5b-bbca-19bd60ee1bac" providerId="ADAL" clId="{54A161F1-2797-4606-A74C-CFFE3B224932}" dt="2020-12-07T00:52:46.536" v="2576" actId="1076"/>
          <ac:spMkLst>
            <pc:docMk/>
            <pc:sldMk cId="2720491299" sldId="278"/>
            <ac:spMk id="19" creationId="{D2658D43-7D26-42F2-868D-345B3544743B}"/>
          </ac:spMkLst>
        </pc:spChg>
        <pc:spChg chg="mod">
          <ac:chgData name="Muhammad Hami Asma'l ISMAIL" userId="a8660aee-7994-4c5b-bbca-19bd60ee1bac" providerId="ADAL" clId="{54A161F1-2797-4606-A74C-CFFE3B224932}" dt="2020-12-07T00:53:04.211" v="2581" actId="14100"/>
          <ac:spMkLst>
            <pc:docMk/>
            <pc:sldMk cId="2720491299" sldId="278"/>
            <ac:spMk id="21" creationId="{4CA119EC-7441-4652-B307-04843BD04658}"/>
          </ac:spMkLst>
        </pc:spChg>
        <pc:spChg chg="mod">
          <ac:chgData name="Muhammad Hami Asma'l ISMAIL" userId="a8660aee-7994-4c5b-bbca-19bd60ee1bac" providerId="ADAL" clId="{54A161F1-2797-4606-A74C-CFFE3B224932}" dt="2020-12-07T00:53:08.289" v="2582" actId="1076"/>
          <ac:spMkLst>
            <pc:docMk/>
            <pc:sldMk cId="2720491299" sldId="278"/>
            <ac:spMk id="22" creationId="{E9563722-3B1E-47C8-B7AA-4E493FB9CE88}"/>
          </ac:spMkLst>
        </pc:spChg>
        <pc:spChg chg="mod">
          <ac:chgData name="Muhammad Hami Asma'l ISMAIL" userId="a8660aee-7994-4c5b-bbca-19bd60ee1bac" providerId="ADAL" clId="{54A161F1-2797-4606-A74C-CFFE3B224932}" dt="2020-12-07T00:51:49.485" v="2557" actId="14100"/>
          <ac:spMkLst>
            <pc:docMk/>
            <pc:sldMk cId="2720491299" sldId="278"/>
            <ac:spMk id="26" creationId="{633F21C9-B5BC-4095-A853-F20F24E4EF2D}"/>
          </ac:spMkLst>
        </pc:spChg>
        <pc:spChg chg="mod">
          <ac:chgData name="Muhammad Hami Asma'l ISMAIL" userId="a8660aee-7994-4c5b-bbca-19bd60ee1bac" providerId="ADAL" clId="{54A161F1-2797-4606-A74C-CFFE3B224932}" dt="2020-12-07T00:51:52.373" v="2558" actId="1076"/>
          <ac:spMkLst>
            <pc:docMk/>
            <pc:sldMk cId="2720491299" sldId="278"/>
            <ac:spMk id="27" creationId="{7DC5DDF2-DF42-4FC4-9B7E-D391F716EDE8}"/>
          </ac:spMkLst>
        </pc:spChg>
        <pc:spChg chg="mod">
          <ac:chgData name="Muhammad Hami Asma'l ISMAIL" userId="a8660aee-7994-4c5b-bbca-19bd60ee1bac" providerId="ADAL" clId="{54A161F1-2797-4606-A74C-CFFE3B224932}" dt="2020-12-07T00:51:58.453" v="2560" actId="403"/>
          <ac:spMkLst>
            <pc:docMk/>
            <pc:sldMk cId="2720491299" sldId="278"/>
            <ac:spMk id="30" creationId="{4E02B60F-59E8-4C04-87D4-80001D210DA9}"/>
          </ac:spMkLst>
        </pc:spChg>
        <pc:spChg chg="mod">
          <ac:chgData name="Muhammad Hami Asma'l ISMAIL" userId="a8660aee-7994-4c5b-bbca-19bd60ee1bac" providerId="ADAL" clId="{54A161F1-2797-4606-A74C-CFFE3B224932}" dt="2020-12-07T00:52:05.926" v="2562" actId="1076"/>
          <ac:spMkLst>
            <pc:docMk/>
            <pc:sldMk cId="2720491299" sldId="278"/>
            <ac:spMk id="31" creationId="{5DDC783D-AC40-4A04-AC28-1A021DD8D256}"/>
          </ac:spMkLst>
        </pc:spChg>
        <pc:spChg chg="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36" creationId="{FBB1981F-9D0F-42BF-84F8-7196EDC532C4}"/>
          </ac:spMkLst>
        </pc:spChg>
        <pc:spChg chg="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37" creationId="{8E1FA560-CE42-44CE-A8AE-4C8814BE529E}"/>
          </ac:spMkLst>
        </pc:spChg>
        <pc:spChg chg="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38" creationId="{D1ACA858-56D0-406F-A257-F1E8EA6481D2}"/>
          </ac:spMkLst>
        </pc:spChg>
        <pc:spChg chg="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39" creationId="{626D214D-E295-44AA-97D6-6389CA1FCAED}"/>
          </ac:spMkLst>
        </pc:spChg>
        <pc:spChg chg="mod">
          <ac:chgData name="Muhammad Hami Asma'l ISMAIL" userId="a8660aee-7994-4c5b-bbca-19bd60ee1bac" providerId="ADAL" clId="{54A161F1-2797-4606-A74C-CFFE3B224932}" dt="2020-12-07T00:54:16.339" v="2593" actId="1076"/>
          <ac:spMkLst>
            <pc:docMk/>
            <pc:sldMk cId="2720491299" sldId="278"/>
            <ac:spMk id="40" creationId="{F390D6E0-A396-4A9A-93BF-E70A237B25BC}"/>
          </ac:spMkLst>
        </pc:spChg>
        <pc:spChg chg="mod">
          <ac:chgData name="Muhammad Hami Asma'l ISMAIL" userId="a8660aee-7994-4c5b-bbca-19bd60ee1bac" providerId="ADAL" clId="{54A161F1-2797-4606-A74C-CFFE3B224932}" dt="2020-12-07T00:53:25.658" v="2588" actId="14100"/>
          <ac:spMkLst>
            <pc:docMk/>
            <pc:sldMk cId="2720491299" sldId="278"/>
            <ac:spMk id="42" creationId="{648B0C4E-B69F-433A-88EA-BBBF2105F40E}"/>
          </ac:spMkLst>
        </pc:spChg>
        <pc:spChg chg="mod">
          <ac:chgData name="Muhammad Hami Asma'l ISMAIL" userId="a8660aee-7994-4c5b-bbca-19bd60ee1bac" providerId="ADAL" clId="{54A161F1-2797-4606-A74C-CFFE3B224932}" dt="2020-12-07T00:53:28.873" v="2589" actId="1076"/>
          <ac:spMkLst>
            <pc:docMk/>
            <pc:sldMk cId="2720491299" sldId="278"/>
            <ac:spMk id="43" creationId="{41CD6281-01EF-479B-B734-66182193E0D5}"/>
          </ac:spMkLst>
        </pc:spChg>
        <pc:grpChg chg="add del mod">
          <ac:chgData name="Muhammad Hami Asma'l ISMAIL" userId="a8660aee-7994-4c5b-bbca-19bd60ee1bac" providerId="ADAL" clId="{54A161F1-2797-4606-A74C-CFFE3B224932}" dt="2020-12-02T13:58:58.667" v="99" actId="1076"/>
          <ac:grpSpMkLst>
            <pc:docMk/>
            <pc:sldMk cId="2720491299" sldId="278"/>
            <ac:grpSpMk id="14" creationId="{CA40BEA3-354E-47F1-858E-AC97BEEAE8D4}"/>
          </ac:grpSpMkLst>
        </pc:grpChg>
        <pc:grpChg chg="mod">
          <ac:chgData name="Muhammad Hami Asma'l ISMAIL" userId="a8660aee-7994-4c5b-bbca-19bd60ee1bac" providerId="ADAL" clId="{54A161F1-2797-4606-A74C-CFFE3B224932}" dt="2020-12-07T00:52:41.680" v="2574" actId="14100"/>
          <ac:grpSpMkLst>
            <pc:docMk/>
            <pc:sldMk cId="2720491299" sldId="278"/>
            <ac:grpSpMk id="17" creationId="{C6357DA9-19D4-4C6D-8893-570936FB8348}"/>
          </ac:grpSpMkLst>
        </pc:grpChg>
        <pc:grpChg chg="mod">
          <ac:chgData name="Muhammad Hami Asma'l ISMAIL" userId="a8660aee-7994-4c5b-bbca-19bd60ee1bac" providerId="ADAL" clId="{54A161F1-2797-4606-A74C-CFFE3B224932}" dt="2020-12-02T13:58:58.667" v="99" actId="1076"/>
          <ac:grpSpMkLst>
            <pc:docMk/>
            <pc:sldMk cId="2720491299" sldId="278"/>
            <ac:grpSpMk id="20" creationId="{B9D1E1B4-0D67-4CCA-B66B-A00F83F7562A}"/>
          </ac:grpSpMkLst>
        </pc:grpChg>
        <pc:grpChg chg="mod">
          <ac:chgData name="Muhammad Hami Asma'l ISMAIL" userId="a8660aee-7994-4c5b-bbca-19bd60ee1bac" providerId="ADAL" clId="{54A161F1-2797-4606-A74C-CFFE3B224932}" dt="2020-12-02T13:58:58.667" v="99" actId="1076"/>
          <ac:grpSpMkLst>
            <pc:docMk/>
            <pc:sldMk cId="2720491299" sldId="278"/>
            <ac:grpSpMk id="25" creationId="{9C132628-1B87-451C-BB7B-D89EBEBF31CE}"/>
          </ac:grpSpMkLst>
        </pc:grpChg>
        <pc:grpChg chg="mod">
          <ac:chgData name="Muhammad Hami Asma'l ISMAIL" userId="a8660aee-7994-4c5b-bbca-19bd60ee1bac" providerId="ADAL" clId="{54A161F1-2797-4606-A74C-CFFE3B224932}" dt="2020-12-07T00:51:56.558" v="2559" actId="14100"/>
          <ac:grpSpMkLst>
            <pc:docMk/>
            <pc:sldMk cId="2720491299" sldId="278"/>
            <ac:grpSpMk id="29" creationId="{61ECE028-58E4-4E68-A7C4-C6004DA2C01C}"/>
          </ac:grpSpMkLst>
        </pc:grpChg>
        <pc:grpChg chg="add mod">
          <ac:chgData name="Muhammad Hami Asma'l ISMAIL" userId="a8660aee-7994-4c5b-bbca-19bd60ee1bac" providerId="ADAL" clId="{54A161F1-2797-4606-A74C-CFFE3B224932}" dt="2020-12-07T00:54:50.547" v="2600" actId="1076"/>
          <ac:grpSpMkLst>
            <pc:docMk/>
            <pc:sldMk cId="2720491299" sldId="278"/>
            <ac:grpSpMk id="41" creationId="{0D6C610D-4CC7-47E1-801E-E6F6A77F2C3E}"/>
          </ac:grpSpMkLst>
        </pc:grpChg>
        <pc:cxnChg chg="mod">
          <ac:chgData name="Muhammad Hami Asma'l ISMAIL" userId="a8660aee-7994-4c5b-bbca-19bd60ee1bac" providerId="ADAL" clId="{54A161F1-2797-4606-A74C-CFFE3B224932}" dt="2020-12-07T00:55:23.883" v="2607" actId="14100"/>
          <ac:cxnSpMkLst>
            <pc:docMk/>
            <pc:sldMk cId="2720491299" sldId="278"/>
            <ac:cxnSpMk id="13" creationId="{1ADF520C-8261-474A-A01A-940817AC88AB}"/>
          </ac:cxnSpMkLst>
        </pc:cxnChg>
        <pc:cxnChg chg="mod">
          <ac:chgData name="Muhammad Hami Asma'l ISMAIL" userId="a8660aee-7994-4c5b-bbca-19bd60ee1bac" providerId="ADAL" clId="{54A161F1-2797-4606-A74C-CFFE3B224932}" dt="2020-12-07T00:54:30.522" v="2597" actId="14100"/>
          <ac:cxnSpMkLst>
            <pc:docMk/>
            <pc:sldMk cId="2720491299" sldId="278"/>
            <ac:cxnSpMk id="23" creationId="{2379F85C-BBD7-4D76-9E5B-2FB8FD6296BD}"/>
          </ac:cxnSpMkLst>
        </pc:cxnChg>
        <pc:cxnChg chg="mod">
          <ac:chgData name="Muhammad Hami Asma'l ISMAIL" userId="a8660aee-7994-4c5b-bbca-19bd60ee1bac" providerId="ADAL" clId="{54A161F1-2797-4606-A74C-CFFE3B224932}" dt="2020-12-07T00:55:09.427" v="2604" actId="14100"/>
          <ac:cxnSpMkLst>
            <pc:docMk/>
            <pc:sldMk cId="2720491299" sldId="278"/>
            <ac:cxnSpMk id="24" creationId="{B758394B-CB2A-47B2-B99E-7D11B7D9A8A7}"/>
          </ac:cxnSpMkLst>
        </pc:cxnChg>
        <pc:cxnChg chg="mod">
          <ac:chgData name="Muhammad Hami Asma'l ISMAIL" userId="a8660aee-7994-4c5b-bbca-19bd60ee1bac" providerId="ADAL" clId="{54A161F1-2797-4606-A74C-CFFE3B224932}" dt="2020-12-02T13:58:58.667" v="99" actId="1076"/>
          <ac:cxnSpMkLst>
            <pc:docMk/>
            <pc:sldMk cId="2720491299" sldId="278"/>
            <ac:cxnSpMk id="28" creationId="{2085084D-9491-4B46-871F-18ECA41711FA}"/>
          </ac:cxnSpMkLst>
        </pc:cxnChg>
        <pc:cxnChg chg="mod">
          <ac:chgData name="Muhammad Hami Asma'l ISMAIL" userId="a8660aee-7994-4c5b-bbca-19bd60ee1bac" providerId="ADAL" clId="{54A161F1-2797-4606-A74C-CFFE3B224932}" dt="2020-12-07T00:54:40.442" v="2599" actId="14100"/>
          <ac:cxnSpMkLst>
            <pc:docMk/>
            <pc:sldMk cId="2720491299" sldId="278"/>
            <ac:cxnSpMk id="32" creationId="{67A69DF5-F536-4184-9694-E80F89841402}"/>
          </ac:cxnSpMkLst>
        </pc:cxnChg>
        <pc:cxnChg chg="add mod">
          <ac:chgData name="Muhammad Hami Asma'l ISMAIL" userId="a8660aee-7994-4c5b-bbca-19bd60ee1bac" providerId="ADAL" clId="{54A161F1-2797-4606-A74C-CFFE3B224932}" dt="2020-12-07T00:54:55.068" v="2601" actId="14100"/>
          <ac:cxnSpMkLst>
            <pc:docMk/>
            <pc:sldMk cId="2720491299" sldId="278"/>
            <ac:cxnSpMk id="44" creationId="{DEA38E9B-4819-46DD-9EAC-E64FA6B731BF}"/>
          </ac:cxnSpMkLst>
        </pc:cxnChg>
      </pc:sldChg>
      <pc:sldChg chg="modSp">
        <pc:chgData name="Muhammad Hami Asma'l ISMAIL" userId="a8660aee-7994-4c5b-bbca-19bd60ee1bac" providerId="ADAL" clId="{54A161F1-2797-4606-A74C-CFFE3B224932}" dt="2020-12-07T00:34:09.230" v="2238" actId="1076"/>
        <pc:sldMkLst>
          <pc:docMk/>
          <pc:sldMk cId="1823802265" sldId="279"/>
        </pc:sldMkLst>
        <pc:spChg chg="mod">
          <ac:chgData name="Muhammad Hami Asma'l ISMAIL" userId="a8660aee-7994-4c5b-bbca-19bd60ee1bac" providerId="ADAL" clId="{54A161F1-2797-4606-A74C-CFFE3B224932}" dt="2020-12-07T00:32:50.172" v="2220" actId="14100"/>
          <ac:spMkLst>
            <pc:docMk/>
            <pc:sldMk cId="1823802265" sldId="279"/>
            <ac:spMk id="3" creationId="{08461215-73BE-40FB-A801-36EFFD46890B}"/>
          </ac:spMkLst>
        </pc:spChg>
        <pc:spChg chg="mod">
          <ac:chgData name="Muhammad Hami Asma'l ISMAIL" userId="a8660aee-7994-4c5b-bbca-19bd60ee1bac" providerId="ADAL" clId="{54A161F1-2797-4606-A74C-CFFE3B224932}" dt="2020-12-07T00:32:47.292" v="2219" actId="14100"/>
          <ac:spMkLst>
            <pc:docMk/>
            <pc:sldMk cId="1823802265" sldId="279"/>
            <ac:spMk id="9" creationId="{243275C8-BCE5-4258-AD9C-4BE1B63BF8B8}"/>
          </ac:spMkLst>
        </pc:spChg>
        <pc:spChg chg="mod">
          <ac:chgData name="Muhammad Hami Asma'l ISMAIL" userId="a8660aee-7994-4c5b-bbca-19bd60ee1bac" providerId="ADAL" clId="{54A161F1-2797-4606-A74C-CFFE3B224932}" dt="2020-12-07T00:32:44.516" v="2218" actId="14100"/>
          <ac:spMkLst>
            <pc:docMk/>
            <pc:sldMk cId="1823802265" sldId="279"/>
            <ac:spMk id="10" creationId="{9455025A-0387-4B0E-A1A6-AC0967700908}"/>
          </ac:spMkLst>
        </pc:spChg>
        <pc:spChg chg="mod">
          <ac:chgData name="Muhammad Hami Asma'l ISMAIL" userId="a8660aee-7994-4c5b-bbca-19bd60ee1bac" providerId="ADAL" clId="{54A161F1-2797-4606-A74C-CFFE3B224932}" dt="2020-12-07T00:33:19.556" v="2225" actId="14100"/>
          <ac:spMkLst>
            <pc:docMk/>
            <pc:sldMk cId="1823802265" sldId="279"/>
            <ac:spMk id="11" creationId="{979DF2F2-2AAF-423B-9C1A-E3CA37AC6BBB}"/>
          </ac:spMkLst>
        </pc:spChg>
        <pc:spChg chg="mod">
          <ac:chgData name="Muhammad Hami Asma'l ISMAIL" userId="a8660aee-7994-4c5b-bbca-19bd60ee1bac" providerId="ADAL" clId="{54A161F1-2797-4606-A74C-CFFE3B224932}" dt="2020-12-07T00:33:23.966" v="2226" actId="14100"/>
          <ac:spMkLst>
            <pc:docMk/>
            <pc:sldMk cId="1823802265" sldId="279"/>
            <ac:spMk id="12" creationId="{D8FAC203-2011-4453-B617-FFB3DD1E00E9}"/>
          </ac:spMkLst>
        </pc:spChg>
        <pc:spChg chg="mod">
          <ac:chgData name="Muhammad Hami Asma'l ISMAIL" userId="a8660aee-7994-4c5b-bbca-19bd60ee1bac" providerId="ADAL" clId="{54A161F1-2797-4606-A74C-CFFE3B224932}" dt="2020-12-07T00:34:09.230" v="2238" actId="1076"/>
          <ac:spMkLst>
            <pc:docMk/>
            <pc:sldMk cId="1823802265" sldId="279"/>
            <ac:spMk id="13" creationId="{314082F2-4BAD-44A6-AF6A-9285015585DB}"/>
          </ac:spMkLst>
        </pc:spChg>
        <pc:spChg chg="mod">
          <ac:chgData name="Muhammad Hami Asma'l ISMAIL" userId="a8660aee-7994-4c5b-bbca-19bd60ee1bac" providerId="ADAL" clId="{54A161F1-2797-4606-A74C-CFFE3B224932}" dt="2020-12-07T00:33:50.542" v="2233" actId="1076"/>
          <ac:spMkLst>
            <pc:docMk/>
            <pc:sldMk cId="1823802265" sldId="279"/>
            <ac:spMk id="16" creationId="{92B1FE9C-E64F-4162-9D3C-92C1C5F8837A}"/>
          </ac:spMkLst>
        </pc:spChg>
        <pc:spChg chg="mod">
          <ac:chgData name="Muhammad Hami Asma'l ISMAIL" userId="a8660aee-7994-4c5b-bbca-19bd60ee1bac" providerId="ADAL" clId="{54A161F1-2797-4606-A74C-CFFE3B224932}" dt="2020-12-07T00:33:58.294" v="2236" actId="1076"/>
          <ac:spMkLst>
            <pc:docMk/>
            <pc:sldMk cId="1823802265" sldId="279"/>
            <ac:spMk id="17" creationId="{1A8D21A9-00CE-4E72-9FA0-C8F67A52636E}"/>
          </ac:spMkLst>
        </pc:spChg>
        <pc:spChg chg="mod">
          <ac:chgData name="Muhammad Hami Asma'l ISMAIL" userId="a8660aee-7994-4c5b-bbca-19bd60ee1bac" providerId="ADAL" clId="{54A161F1-2797-4606-A74C-CFFE3B224932}" dt="2020-12-07T00:33:33.811" v="2230" actId="403"/>
          <ac:spMkLst>
            <pc:docMk/>
            <pc:sldMk cId="1823802265" sldId="279"/>
            <ac:spMk id="18" creationId="{EE8AC5A9-0842-4658-BC2E-35021DD23B42}"/>
          </ac:spMkLst>
        </pc:spChg>
        <pc:spChg chg="mod">
          <ac:chgData name="Muhammad Hami Asma'l ISMAIL" userId="a8660aee-7994-4c5b-bbca-19bd60ee1bac" providerId="ADAL" clId="{54A161F1-2797-4606-A74C-CFFE3B224932}" dt="2020-12-07T00:33:27.821" v="2227" actId="1076"/>
          <ac:spMkLst>
            <pc:docMk/>
            <pc:sldMk cId="1823802265" sldId="279"/>
            <ac:spMk id="19" creationId="{AE0F4336-1E53-4C94-B9F9-64022E9A4E9B}"/>
          </ac:spMkLst>
        </pc:spChg>
        <pc:spChg chg="mod">
          <ac:chgData name="Muhammad Hami Asma'l ISMAIL" userId="a8660aee-7994-4c5b-bbca-19bd60ee1bac" providerId="ADAL" clId="{54A161F1-2797-4606-A74C-CFFE3B224932}" dt="2020-12-07T00:32:30.165" v="2215" actId="1076"/>
          <ac:spMkLst>
            <pc:docMk/>
            <pc:sldMk cId="1823802265" sldId="279"/>
            <ac:spMk id="20" creationId="{E7FBB3F7-71B3-4ED7-A2C7-0F40D26452D1}"/>
          </ac:spMkLst>
        </pc:spChg>
        <pc:spChg chg="mod">
          <ac:chgData name="Muhammad Hami Asma'l ISMAIL" userId="a8660aee-7994-4c5b-bbca-19bd60ee1bac" providerId="ADAL" clId="{54A161F1-2797-4606-A74C-CFFE3B224932}" dt="2020-12-07T00:32:10.179" v="2212" actId="1076"/>
          <ac:spMkLst>
            <pc:docMk/>
            <pc:sldMk cId="1823802265" sldId="279"/>
            <ac:spMk id="21" creationId="{278DCFBA-B190-45F7-864C-F7236E8FB0CA}"/>
          </ac:spMkLst>
        </pc:spChg>
        <pc:spChg chg="mod">
          <ac:chgData name="Muhammad Hami Asma'l ISMAIL" userId="a8660aee-7994-4c5b-bbca-19bd60ee1bac" providerId="ADAL" clId="{54A161F1-2797-4606-A74C-CFFE3B224932}" dt="2020-12-07T00:31:52.162" v="2207" actId="1076"/>
          <ac:spMkLst>
            <pc:docMk/>
            <pc:sldMk cId="1823802265" sldId="279"/>
            <ac:spMk id="22" creationId="{E4162DC6-D6E9-4575-BF0F-203D44212D11}"/>
          </ac:spMkLst>
        </pc:spChg>
        <pc:spChg chg="mod">
          <ac:chgData name="Muhammad Hami Asma'l ISMAIL" userId="a8660aee-7994-4c5b-bbca-19bd60ee1bac" providerId="ADAL" clId="{54A161F1-2797-4606-A74C-CFFE3B224932}" dt="2020-12-07T00:33:05.460" v="2223" actId="14100"/>
          <ac:spMkLst>
            <pc:docMk/>
            <pc:sldMk cId="1823802265" sldId="279"/>
            <ac:spMk id="23" creationId="{9C8782A6-734F-4E51-B4AC-17F9504BFA5B}"/>
          </ac:spMkLst>
        </pc:spChg>
      </pc:sldChg>
      <pc:sldChg chg="modSp">
        <pc:chgData name="Muhammad Hami Asma'l ISMAIL" userId="a8660aee-7994-4c5b-bbca-19bd60ee1bac" providerId="ADAL" clId="{54A161F1-2797-4606-A74C-CFFE3B224932}" dt="2020-12-07T00:45:51.968" v="2376" actId="403"/>
        <pc:sldMkLst>
          <pc:docMk/>
          <pc:sldMk cId="2241350302" sldId="281"/>
        </pc:sldMkLst>
        <pc:spChg chg="mod">
          <ac:chgData name="Muhammad Hami Asma'l ISMAIL" userId="a8660aee-7994-4c5b-bbca-19bd60ee1bac" providerId="ADAL" clId="{54A161F1-2797-4606-A74C-CFFE3B224932}" dt="2020-12-07T00:45:48.734" v="2375" actId="403"/>
          <ac:spMkLst>
            <pc:docMk/>
            <pc:sldMk cId="2241350302" sldId="281"/>
            <ac:spMk id="5" creationId="{C6529840-06F4-4205-9C67-82E92D557453}"/>
          </ac:spMkLst>
        </pc:spChg>
        <pc:spChg chg="mod">
          <ac:chgData name="Muhammad Hami Asma'l ISMAIL" userId="a8660aee-7994-4c5b-bbca-19bd60ee1bac" providerId="ADAL" clId="{54A161F1-2797-4606-A74C-CFFE3B224932}" dt="2020-12-07T00:45:26.466" v="2367" actId="403"/>
          <ac:spMkLst>
            <pc:docMk/>
            <pc:sldMk cId="2241350302" sldId="281"/>
            <ac:spMk id="6" creationId="{5F7B91C6-F41D-4522-99E7-68D24954BA22}"/>
          </ac:spMkLst>
        </pc:spChg>
        <pc:spChg chg="mod">
          <ac:chgData name="Muhammad Hami Asma'l ISMAIL" userId="a8660aee-7994-4c5b-bbca-19bd60ee1bac" providerId="ADAL" clId="{54A161F1-2797-4606-A74C-CFFE3B224932}" dt="2020-12-07T00:45:38.247" v="2372" actId="403"/>
          <ac:spMkLst>
            <pc:docMk/>
            <pc:sldMk cId="2241350302" sldId="281"/>
            <ac:spMk id="11" creationId="{16B999AF-AD38-492F-ADD7-B8ACCC68292B}"/>
          </ac:spMkLst>
        </pc:spChg>
        <pc:spChg chg="mod">
          <ac:chgData name="Muhammad Hami Asma'l ISMAIL" userId="a8660aee-7994-4c5b-bbca-19bd60ee1bac" providerId="ADAL" clId="{54A161F1-2797-4606-A74C-CFFE3B224932}" dt="2020-12-07T00:45:28.896" v="2369" actId="403"/>
          <ac:spMkLst>
            <pc:docMk/>
            <pc:sldMk cId="2241350302" sldId="281"/>
            <ac:spMk id="12" creationId="{46FE65E0-C83B-49FE-A097-74C60F79CC69}"/>
          </ac:spMkLst>
        </pc:spChg>
        <pc:spChg chg="mod">
          <ac:chgData name="Muhammad Hami Asma'l ISMAIL" userId="a8660aee-7994-4c5b-bbca-19bd60ee1bac" providerId="ADAL" clId="{54A161F1-2797-4606-A74C-CFFE3B224932}" dt="2020-12-07T00:45:43.830" v="2374" actId="403"/>
          <ac:spMkLst>
            <pc:docMk/>
            <pc:sldMk cId="2241350302" sldId="281"/>
            <ac:spMk id="16" creationId="{0217EC30-FAF4-4BEF-8D30-052BAAE76070}"/>
          </ac:spMkLst>
        </pc:spChg>
        <pc:spChg chg="mod">
          <ac:chgData name="Muhammad Hami Asma'l ISMAIL" userId="a8660aee-7994-4c5b-bbca-19bd60ee1bac" providerId="ADAL" clId="{54A161F1-2797-4606-A74C-CFFE3B224932}" dt="2020-12-07T00:45:22.991" v="2365" actId="403"/>
          <ac:spMkLst>
            <pc:docMk/>
            <pc:sldMk cId="2241350302" sldId="281"/>
            <ac:spMk id="17" creationId="{F1424E76-DB0B-44E0-951A-219996937979}"/>
          </ac:spMkLst>
        </pc:spChg>
        <pc:spChg chg="mod">
          <ac:chgData name="Muhammad Hami Asma'l ISMAIL" userId="a8660aee-7994-4c5b-bbca-19bd60ee1bac" providerId="ADAL" clId="{54A161F1-2797-4606-A74C-CFFE3B224932}" dt="2020-12-07T00:45:41.014" v="2373" actId="403"/>
          <ac:spMkLst>
            <pc:docMk/>
            <pc:sldMk cId="2241350302" sldId="281"/>
            <ac:spMk id="21" creationId="{D5DFB5B5-FA64-4BEE-B753-0656AB389907}"/>
          </ac:spMkLst>
        </pc:spChg>
        <pc:spChg chg="mod">
          <ac:chgData name="Muhammad Hami Asma'l ISMAIL" userId="a8660aee-7994-4c5b-bbca-19bd60ee1bac" providerId="ADAL" clId="{54A161F1-2797-4606-A74C-CFFE3B224932}" dt="2020-12-07T00:45:19.534" v="2363" actId="403"/>
          <ac:spMkLst>
            <pc:docMk/>
            <pc:sldMk cId="2241350302" sldId="281"/>
            <ac:spMk id="22" creationId="{D6C24BE7-F4B7-4B22-90D0-D58085FC6A1F}"/>
          </ac:spMkLst>
        </pc:spChg>
        <pc:spChg chg="mod">
          <ac:chgData name="Muhammad Hami Asma'l ISMAIL" userId="a8660aee-7994-4c5b-bbca-19bd60ee1bac" providerId="ADAL" clId="{54A161F1-2797-4606-A74C-CFFE3B224932}" dt="2020-12-07T00:45:51.968" v="2376" actId="403"/>
          <ac:spMkLst>
            <pc:docMk/>
            <pc:sldMk cId="2241350302" sldId="281"/>
            <ac:spMk id="26" creationId="{9A0429A5-1862-442C-8D18-0BA19DD329D4}"/>
          </ac:spMkLst>
        </pc:spChg>
        <pc:spChg chg="mod">
          <ac:chgData name="Muhammad Hami Asma'l ISMAIL" userId="a8660aee-7994-4c5b-bbca-19bd60ee1bac" providerId="ADAL" clId="{54A161F1-2797-4606-A74C-CFFE3B224932}" dt="2020-12-07T00:45:32.189" v="2371" actId="403"/>
          <ac:spMkLst>
            <pc:docMk/>
            <pc:sldMk cId="2241350302" sldId="281"/>
            <ac:spMk id="27" creationId="{1922E9A4-E343-4B40-B83F-48C3AC84D9C8}"/>
          </ac:spMkLst>
        </pc:spChg>
      </pc:sldChg>
      <pc:sldChg chg="modSp">
        <pc:chgData name="Muhammad Hami Asma'l ISMAIL" userId="a8660aee-7994-4c5b-bbca-19bd60ee1bac" providerId="ADAL" clId="{54A161F1-2797-4606-A74C-CFFE3B224932}" dt="2020-12-07T00:29:54.734" v="2186" actId="1076"/>
        <pc:sldMkLst>
          <pc:docMk/>
          <pc:sldMk cId="2236049700" sldId="284"/>
        </pc:sldMkLst>
        <pc:spChg chg="mod">
          <ac:chgData name="Muhammad Hami Asma'l ISMAIL" userId="a8660aee-7994-4c5b-bbca-19bd60ee1bac" providerId="ADAL" clId="{54A161F1-2797-4606-A74C-CFFE3B224932}" dt="2020-12-07T00:28:28.817" v="2166" actId="14100"/>
          <ac:spMkLst>
            <pc:docMk/>
            <pc:sldMk cId="2236049700" sldId="284"/>
            <ac:spMk id="24" creationId="{A08E7E78-07F8-4FB7-B7AF-ECEF4F7DF126}"/>
          </ac:spMkLst>
        </pc:spChg>
        <pc:spChg chg="mod">
          <ac:chgData name="Muhammad Hami Asma'l ISMAIL" userId="a8660aee-7994-4c5b-bbca-19bd60ee1bac" providerId="ADAL" clId="{54A161F1-2797-4606-A74C-CFFE3B224932}" dt="2020-12-07T00:28:12.349" v="2163" actId="1076"/>
          <ac:spMkLst>
            <pc:docMk/>
            <pc:sldMk cId="2236049700" sldId="284"/>
            <ac:spMk id="25" creationId="{EC5897CB-6845-4EE8-BDC0-C73C7F25E6D9}"/>
          </ac:spMkLst>
        </pc:spChg>
        <pc:spChg chg="mod">
          <ac:chgData name="Muhammad Hami Asma'l ISMAIL" userId="a8660aee-7994-4c5b-bbca-19bd60ee1bac" providerId="ADAL" clId="{54A161F1-2797-4606-A74C-CFFE3B224932}" dt="2020-12-07T00:29:47.751" v="2184" actId="1076"/>
          <ac:spMkLst>
            <pc:docMk/>
            <pc:sldMk cId="2236049700" sldId="284"/>
            <ac:spMk id="27" creationId="{56CC3398-A277-4A9B-98EB-21694AC69F21}"/>
          </ac:spMkLst>
        </pc:spChg>
        <pc:spChg chg="mod">
          <ac:chgData name="Muhammad Hami Asma'l ISMAIL" userId="a8660aee-7994-4c5b-bbca-19bd60ee1bac" providerId="ADAL" clId="{54A161F1-2797-4606-A74C-CFFE3B224932}" dt="2020-12-07T00:29:44.410" v="2183" actId="1076"/>
          <ac:spMkLst>
            <pc:docMk/>
            <pc:sldMk cId="2236049700" sldId="284"/>
            <ac:spMk id="28" creationId="{F6C189DE-6D10-48E4-94AE-D82D5EE4D28F}"/>
          </ac:spMkLst>
        </pc:spChg>
        <pc:spChg chg="mod">
          <ac:chgData name="Muhammad Hami Asma'l ISMAIL" userId="a8660aee-7994-4c5b-bbca-19bd60ee1bac" providerId="ADAL" clId="{54A161F1-2797-4606-A74C-CFFE3B224932}" dt="2020-12-07T00:29:54.734" v="2186" actId="1076"/>
          <ac:spMkLst>
            <pc:docMk/>
            <pc:sldMk cId="2236049700" sldId="284"/>
            <ac:spMk id="30" creationId="{CCC050DF-7539-4970-ADFC-0A936A03F9B8}"/>
          </ac:spMkLst>
        </pc:spChg>
        <pc:spChg chg="mod">
          <ac:chgData name="Muhammad Hami Asma'l ISMAIL" userId="a8660aee-7994-4c5b-bbca-19bd60ee1bac" providerId="ADAL" clId="{54A161F1-2797-4606-A74C-CFFE3B224932}" dt="2020-12-07T00:28:53.649" v="2173" actId="403"/>
          <ac:spMkLst>
            <pc:docMk/>
            <pc:sldMk cId="2236049700" sldId="284"/>
            <ac:spMk id="31" creationId="{CFFEF473-37B1-48A4-B1EB-9E6463D4BB23}"/>
          </ac:spMkLst>
        </pc:spChg>
        <pc:grpChg chg="mod">
          <ac:chgData name="Muhammad Hami Asma'l ISMAIL" userId="a8660aee-7994-4c5b-bbca-19bd60ee1bac" providerId="ADAL" clId="{54A161F1-2797-4606-A74C-CFFE3B224932}" dt="2020-12-07T00:29:15.943" v="2177" actId="1076"/>
          <ac:grpSpMkLst>
            <pc:docMk/>
            <pc:sldMk cId="2236049700" sldId="284"/>
            <ac:grpSpMk id="26" creationId="{9EC9908C-F377-4620-A71C-7D5AF49E1042}"/>
          </ac:grpSpMkLst>
        </pc:grpChg>
        <pc:grpChg chg="mod">
          <ac:chgData name="Muhammad Hami Asma'l ISMAIL" userId="a8660aee-7994-4c5b-bbca-19bd60ee1bac" providerId="ADAL" clId="{54A161F1-2797-4606-A74C-CFFE3B224932}" dt="2020-12-07T00:29:33.541" v="2178" actId="1076"/>
          <ac:grpSpMkLst>
            <pc:docMk/>
            <pc:sldMk cId="2236049700" sldId="284"/>
            <ac:grpSpMk id="29" creationId="{DD9E099D-A16D-498A-8E37-18A751FEB3AB}"/>
          </ac:grpSpMkLst>
        </pc:grpChg>
      </pc:sldChg>
      <pc:sldChg chg="modSp">
        <pc:chgData name="Muhammad Hami Asma'l ISMAIL" userId="a8660aee-7994-4c5b-bbca-19bd60ee1bac" providerId="ADAL" clId="{54A161F1-2797-4606-A74C-CFFE3B224932}" dt="2020-12-07T00:25:49.495" v="2119" actId="1076"/>
        <pc:sldMkLst>
          <pc:docMk/>
          <pc:sldMk cId="3871885259" sldId="296"/>
        </pc:sldMkLst>
        <pc:spChg chg="mod">
          <ac:chgData name="Muhammad Hami Asma'l ISMAIL" userId="a8660aee-7994-4c5b-bbca-19bd60ee1bac" providerId="ADAL" clId="{54A161F1-2797-4606-A74C-CFFE3B224932}" dt="2020-12-07T00:25:46.028" v="2118" actId="1076"/>
          <ac:spMkLst>
            <pc:docMk/>
            <pc:sldMk cId="3871885259" sldId="296"/>
            <ac:spMk id="11" creationId="{C56C1B7C-E68E-40AD-90C6-F08CEDAD2873}"/>
          </ac:spMkLst>
        </pc:spChg>
        <pc:spChg chg="mod">
          <ac:chgData name="Muhammad Hami Asma'l ISMAIL" userId="a8660aee-7994-4c5b-bbca-19bd60ee1bac" providerId="ADAL" clId="{54A161F1-2797-4606-A74C-CFFE3B224932}" dt="2020-12-07T00:25:37.192" v="2113" actId="403"/>
          <ac:spMkLst>
            <pc:docMk/>
            <pc:sldMk cId="3871885259" sldId="296"/>
            <ac:spMk id="28" creationId="{29C5DFD9-A5D5-4039-A9D1-4839CE9513A7}"/>
          </ac:spMkLst>
        </pc:spChg>
        <pc:spChg chg="mod">
          <ac:chgData name="Muhammad Hami Asma'l ISMAIL" userId="a8660aee-7994-4c5b-bbca-19bd60ee1bac" providerId="ADAL" clId="{54A161F1-2797-4606-A74C-CFFE3B224932}" dt="2020-12-07T00:25:37.192" v="2113" actId="403"/>
          <ac:spMkLst>
            <pc:docMk/>
            <pc:sldMk cId="3871885259" sldId="296"/>
            <ac:spMk id="29" creationId="{EC94187E-A350-4546-B142-9855C3CF9BFA}"/>
          </ac:spMkLst>
        </pc:spChg>
        <pc:spChg chg="mod">
          <ac:chgData name="Muhammad Hami Asma'l ISMAIL" userId="a8660aee-7994-4c5b-bbca-19bd60ee1bac" providerId="ADAL" clId="{54A161F1-2797-4606-A74C-CFFE3B224932}" dt="2020-12-07T00:25:25.175" v="2110" actId="1076"/>
          <ac:spMkLst>
            <pc:docMk/>
            <pc:sldMk cId="3871885259" sldId="296"/>
            <ac:spMk id="31" creationId="{6A02FDC1-52C6-4100-966A-ED98AF241361}"/>
          </ac:spMkLst>
        </pc:spChg>
        <pc:spChg chg="mod">
          <ac:chgData name="Muhammad Hami Asma'l ISMAIL" userId="a8660aee-7994-4c5b-bbca-19bd60ee1bac" providerId="ADAL" clId="{54A161F1-2797-4606-A74C-CFFE3B224932}" dt="2020-12-07T00:25:26.911" v="2111" actId="1076"/>
          <ac:spMkLst>
            <pc:docMk/>
            <pc:sldMk cId="3871885259" sldId="296"/>
            <ac:spMk id="33" creationId="{2047810F-3FBA-446A-BCE3-DC14D946A090}"/>
          </ac:spMkLst>
        </pc:spChg>
        <pc:spChg chg="mod">
          <ac:chgData name="Muhammad Hami Asma'l ISMAIL" userId="a8660aee-7994-4c5b-bbca-19bd60ee1bac" providerId="ADAL" clId="{54A161F1-2797-4606-A74C-CFFE3B224932}" dt="2020-12-07T00:25:28.935" v="2112" actId="1076"/>
          <ac:spMkLst>
            <pc:docMk/>
            <pc:sldMk cId="3871885259" sldId="296"/>
            <ac:spMk id="35" creationId="{330D0B2E-BE8C-435C-9F6C-83D755B2D28A}"/>
          </ac:spMkLst>
        </pc:spChg>
        <pc:grpChg chg="mod">
          <ac:chgData name="Muhammad Hami Asma'l ISMAIL" userId="a8660aee-7994-4c5b-bbca-19bd60ee1bac" providerId="ADAL" clId="{54A161F1-2797-4606-A74C-CFFE3B224932}" dt="2020-12-07T00:25:49.495" v="2119" actId="1076"/>
          <ac:grpSpMkLst>
            <pc:docMk/>
            <pc:sldMk cId="3871885259" sldId="296"/>
            <ac:grpSpMk id="27" creationId="{1AE2322A-3817-4F6E-8BF2-C67EB080F633}"/>
          </ac:grpSpMkLst>
        </pc:grpChg>
      </pc:sldChg>
      <pc:sldChg chg="modSp">
        <pc:chgData name="Muhammad Hami Asma'l ISMAIL" userId="a8660aee-7994-4c5b-bbca-19bd60ee1bac" providerId="ADAL" clId="{54A161F1-2797-4606-A74C-CFFE3B224932}" dt="2020-12-07T00:45:11.289" v="2361" actId="403"/>
        <pc:sldMkLst>
          <pc:docMk/>
          <pc:sldMk cId="3794804899" sldId="298"/>
        </pc:sldMkLst>
        <pc:spChg chg="mod">
          <ac:chgData name="Muhammad Hami Asma'l ISMAIL" userId="a8660aee-7994-4c5b-bbca-19bd60ee1bac" providerId="ADAL" clId="{54A161F1-2797-4606-A74C-CFFE3B224932}" dt="2020-12-07T00:44:59.674" v="2357" actId="403"/>
          <ac:spMkLst>
            <pc:docMk/>
            <pc:sldMk cId="3794804899" sldId="298"/>
            <ac:spMk id="9" creationId="{CDEE698E-3B31-42CC-BCA8-4BE773673440}"/>
          </ac:spMkLst>
        </pc:spChg>
        <pc:spChg chg="mod">
          <ac:chgData name="Muhammad Hami Asma'l ISMAIL" userId="a8660aee-7994-4c5b-bbca-19bd60ee1bac" providerId="ADAL" clId="{54A161F1-2797-4606-A74C-CFFE3B224932}" dt="2020-12-07T00:44:59.674" v="2357" actId="403"/>
          <ac:spMkLst>
            <pc:docMk/>
            <pc:sldMk cId="3794804899" sldId="298"/>
            <ac:spMk id="10" creationId="{C96F7AA4-546A-4F89-87EB-75A03EE85B6E}"/>
          </ac:spMkLst>
        </pc:spChg>
        <pc:spChg chg="mod">
          <ac:chgData name="Muhammad Hami Asma'l ISMAIL" userId="a8660aee-7994-4c5b-bbca-19bd60ee1bac" providerId="ADAL" clId="{54A161F1-2797-4606-A74C-CFFE3B224932}" dt="2020-12-07T00:45:05.536" v="2359" actId="403"/>
          <ac:spMkLst>
            <pc:docMk/>
            <pc:sldMk cId="3794804899" sldId="298"/>
            <ac:spMk id="12" creationId="{01ACE9FA-4495-40C1-9DE8-393B189107CA}"/>
          </ac:spMkLst>
        </pc:spChg>
        <pc:spChg chg="mod">
          <ac:chgData name="Muhammad Hami Asma'l ISMAIL" userId="a8660aee-7994-4c5b-bbca-19bd60ee1bac" providerId="ADAL" clId="{54A161F1-2797-4606-A74C-CFFE3B224932}" dt="2020-12-07T00:45:05.536" v="2359" actId="403"/>
          <ac:spMkLst>
            <pc:docMk/>
            <pc:sldMk cId="3794804899" sldId="298"/>
            <ac:spMk id="13" creationId="{1D0B8936-2B63-472E-B707-A01FFA323C8E}"/>
          </ac:spMkLst>
        </pc:spChg>
        <pc:spChg chg="mod">
          <ac:chgData name="Muhammad Hami Asma'l ISMAIL" userId="a8660aee-7994-4c5b-bbca-19bd60ee1bac" providerId="ADAL" clId="{54A161F1-2797-4606-A74C-CFFE3B224932}" dt="2020-12-07T00:45:03.304" v="2358" actId="403"/>
          <ac:spMkLst>
            <pc:docMk/>
            <pc:sldMk cId="3794804899" sldId="298"/>
            <ac:spMk id="15" creationId="{F5017764-73A2-4EA6-AEE1-574302E30FC3}"/>
          </ac:spMkLst>
        </pc:spChg>
        <pc:spChg chg="mod">
          <ac:chgData name="Muhammad Hami Asma'l ISMAIL" userId="a8660aee-7994-4c5b-bbca-19bd60ee1bac" providerId="ADAL" clId="{54A161F1-2797-4606-A74C-CFFE3B224932}" dt="2020-12-07T00:45:03.304" v="2358" actId="403"/>
          <ac:spMkLst>
            <pc:docMk/>
            <pc:sldMk cId="3794804899" sldId="298"/>
            <ac:spMk id="16" creationId="{D897C0B7-F38F-41C9-9864-5E3E35BE9E5D}"/>
          </ac:spMkLst>
        </pc:spChg>
        <pc:spChg chg="mod">
          <ac:chgData name="Muhammad Hami Asma'l ISMAIL" userId="a8660aee-7994-4c5b-bbca-19bd60ee1bac" providerId="ADAL" clId="{54A161F1-2797-4606-A74C-CFFE3B224932}" dt="2020-12-07T00:45:08.358" v="2360" actId="403"/>
          <ac:spMkLst>
            <pc:docMk/>
            <pc:sldMk cId="3794804899" sldId="298"/>
            <ac:spMk id="18" creationId="{D08DBEE7-4024-49B8-9B80-3ADBD316E259}"/>
          </ac:spMkLst>
        </pc:spChg>
        <pc:spChg chg="mod">
          <ac:chgData name="Muhammad Hami Asma'l ISMAIL" userId="a8660aee-7994-4c5b-bbca-19bd60ee1bac" providerId="ADAL" clId="{54A161F1-2797-4606-A74C-CFFE3B224932}" dt="2020-12-07T00:45:08.358" v="2360" actId="403"/>
          <ac:spMkLst>
            <pc:docMk/>
            <pc:sldMk cId="3794804899" sldId="298"/>
            <ac:spMk id="19" creationId="{54ED58C0-8D16-4BEE-94CF-4BA589AF9D3F}"/>
          </ac:spMkLst>
        </pc:spChg>
        <pc:spChg chg="mod">
          <ac:chgData name="Muhammad Hami Asma'l ISMAIL" userId="a8660aee-7994-4c5b-bbca-19bd60ee1bac" providerId="ADAL" clId="{54A161F1-2797-4606-A74C-CFFE3B224932}" dt="2020-12-07T00:45:11.289" v="2361" actId="403"/>
          <ac:spMkLst>
            <pc:docMk/>
            <pc:sldMk cId="3794804899" sldId="298"/>
            <ac:spMk id="21" creationId="{5806B648-AB13-4B10-A4A7-68B3B9E99B21}"/>
          </ac:spMkLst>
        </pc:spChg>
        <pc:spChg chg="mod">
          <ac:chgData name="Muhammad Hami Asma'l ISMAIL" userId="a8660aee-7994-4c5b-bbca-19bd60ee1bac" providerId="ADAL" clId="{54A161F1-2797-4606-A74C-CFFE3B224932}" dt="2020-12-07T00:45:11.289" v="2361" actId="403"/>
          <ac:spMkLst>
            <pc:docMk/>
            <pc:sldMk cId="3794804899" sldId="298"/>
            <ac:spMk id="22" creationId="{20D7826A-C6D3-4401-85C1-46C137289437}"/>
          </ac:spMkLst>
        </pc:spChg>
      </pc:sldChg>
      <pc:sldChg chg="modSp modNotesTx">
        <pc:chgData name="Muhammad Hami Asma'l ISMAIL" userId="a8660aee-7994-4c5b-bbca-19bd60ee1bac" providerId="ADAL" clId="{54A161F1-2797-4606-A74C-CFFE3B224932}" dt="2020-12-07T00:47:59.557" v="2554" actId="20577"/>
        <pc:sldMkLst>
          <pc:docMk/>
          <pc:sldMk cId="1324749148" sldId="305"/>
        </pc:sldMkLst>
        <pc:spChg chg="mod">
          <ac:chgData name="Muhammad Hami Asma'l ISMAIL" userId="a8660aee-7994-4c5b-bbca-19bd60ee1bac" providerId="ADAL" clId="{54A161F1-2797-4606-A74C-CFFE3B224932}" dt="2020-12-07T00:47:59.557" v="2554" actId="20577"/>
          <ac:spMkLst>
            <pc:docMk/>
            <pc:sldMk cId="1324749148" sldId="305"/>
            <ac:spMk id="9" creationId="{945A7D5A-FA80-4CA3-9E74-B5C006267795}"/>
          </ac:spMkLst>
        </pc:spChg>
        <pc:spChg chg="mod">
          <ac:chgData name="Muhammad Hami Asma'l ISMAIL" userId="a8660aee-7994-4c5b-bbca-19bd60ee1bac" providerId="ADAL" clId="{54A161F1-2797-4606-A74C-CFFE3B224932}" dt="2020-12-07T00:46:49.529" v="2385" actId="20577"/>
          <ac:spMkLst>
            <pc:docMk/>
            <pc:sldMk cId="1324749148" sldId="305"/>
            <ac:spMk id="10" creationId="{7D07AD73-65AF-4F0A-88B9-951B923663DF}"/>
          </ac:spMkLst>
        </pc:spChg>
      </pc:sldChg>
      <pc:sldChg chg="addSp modSp modNotesTx">
        <pc:chgData name="Muhammad Hami Asma'l ISMAIL" userId="a8660aee-7994-4c5b-bbca-19bd60ee1bac" providerId="ADAL" clId="{54A161F1-2797-4606-A74C-CFFE3B224932}" dt="2020-12-08T09:15:40.618" v="3142" actId="20577"/>
        <pc:sldMkLst>
          <pc:docMk/>
          <pc:sldMk cId="2876252340" sldId="314"/>
        </pc:sldMkLst>
        <pc:spChg chg="mod">
          <ac:chgData name="Muhammad Hami Asma'l ISMAIL" userId="a8660aee-7994-4c5b-bbca-19bd60ee1bac" providerId="ADAL" clId="{54A161F1-2797-4606-A74C-CFFE3B224932}" dt="2020-12-07T00:55:40.319" v="2611" actId="1076"/>
          <ac:spMkLst>
            <pc:docMk/>
            <pc:sldMk cId="2876252340" sldId="314"/>
            <ac:spMk id="2" creationId="{D7DFE8D0-ECF9-41FB-B7B9-FB5C1A7B7E6E}"/>
          </ac:spMkLst>
        </pc:spChg>
        <pc:spChg chg="mod">
          <ac:chgData name="Muhammad Hami Asma'l ISMAIL" userId="a8660aee-7994-4c5b-bbca-19bd60ee1bac" providerId="ADAL" clId="{54A161F1-2797-4606-A74C-CFFE3B224932}" dt="2020-12-07T00:59:46.283" v="2784" actId="20577"/>
          <ac:spMkLst>
            <pc:docMk/>
            <pc:sldMk cId="2876252340" sldId="314"/>
            <ac:spMk id="5" creationId="{D00F49B6-A618-4950-BC45-2C8D61F16939}"/>
          </ac:spMkLst>
        </pc:spChg>
        <pc:spChg chg="mod">
          <ac:chgData name="Muhammad Hami Asma'l ISMAIL" userId="a8660aee-7994-4c5b-bbca-19bd60ee1bac" providerId="ADAL" clId="{54A161F1-2797-4606-A74C-CFFE3B224932}" dt="2020-12-07T00:55:47.278" v="2613" actId="403"/>
          <ac:spMkLst>
            <pc:docMk/>
            <pc:sldMk cId="2876252340" sldId="314"/>
            <ac:spMk id="6" creationId="{71ABBC49-FBAD-40C0-ACD6-59EEAE1E9428}"/>
          </ac:spMkLst>
        </pc:spChg>
        <pc:spChg chg="mod">
          <ac:chgData name="Muhammad Hami Asma'l ISMAIL" userId="a8660aee-7994-4c5b-bbca-19bd60ee1bac" providerId="ADAL" clId="{54A161F1-2797-4606-A74C-CFFE3B224932}" dt="2020-12-07T00:55:29.847" v="2608" actId="403"/>
          <ac:spMkLst>
            <pc:docMk/>
            <pc:sldMk cId="2876252340" sldId="314"/>
            <ac:spMk id="8" creationId="{CD02CCD4-2B53-4F0A-B994-02ACD5F0E09D}"/>
          </ac:spMkLst>
        </pc:spChg>
        <pc:spChg chg="mod">
          <ac:chgData name="Muhammad Hami Asma'l ISMAIL" userId="a8660aee-7994-4c5b-bbca-19bd60ee1bac" providerId="ADAL" clId="{54A161F1-2797-4606-A74C-CFFE3B224932}" dt="2020-12-07T00:55:29.847" v="2608" actId="403"/>
          <ac:spMkLst>
            <pc:docMk/>
            <pc:sldMk cId="2876252340" sldId="314"/>
            <ac:spMk id="9" creationId="{B2E1D5D6-081E-48CF-BB80-678EB89F248F}"/>
          </ac:spMkLst>
        </pc:spChg>
        <pc:grpChg chg="mod">
          <ac:chgData name="Muhammad Hami Asma'l ISMAIL" userId="a8660aee-7994-4c5b-bbca-19bd60ee1bac" providerId="ADAL" clId="{54A161F1-2797-4606-A74C-CFFE3B224932}" dt="2020-12-02T14:05:27.528" v="418"/>
          <ac:grpSpMkLst>
            <pc:docMk/>
            <pc:sldMk cId="2876252340" sldId="314"/>
            <ac:grpSpMk id="4" creationId="{D29042A5-44CA-4E0F-A565-87BE5ED12FA0}"/>
          </ac:grpSpMkLst>
        </pc:grpChg>
        <pc:grpChg chg="mod">
          <ac:chgData name="Muhammad Hami Asma'l ISMAIL" userId="a8660aee-7994-4c5b-bbca-19bd60ee1bac" providerId="ADAL" clId="{54A161F1-2797-4606-A74C-CFFE3B224932}" dt="2020-12-07T00:55:44.428" v="2612" actId="1076"/>
          <ac:grpSpMkLst>
            <pc:docMk/>
            <pc:sldMk cId="2876252340" sldId="314"/>
            <ac:grpSpMk id="7" creationId="{CE348A2F-9403-45B5-98CA-A7C6059D3F6E}"/>
          </ac:grpSpMkLst>
        </pc:grpChg>
        <pc:picChg chg="add mod">
          <ac:chgData name="Muhammad Hami Asma'l ISMAIL" userId="a8660aee-7994-4c5b-bbca-19bd60ee1bac" providerId="ADAL" clId="{54A161F1-2797-4606-A74C-CFFE3B224932}" dt="2020-12-07T01:01:07.367" v="2788" actId="14100"/>
          <ac:picMkLst>
            <pc:docMk/>
            <pc:sldMk cId="2876252340" sldId="314"/>
            <ac:picMk id="10" creationId="{DA084AF4-564B-423F-B0CB-906EB19F180B}"/>
          </ac:picMkLst>
        </pc:picChg>
      </pc:sldChg>
      <pc:sldChg chg="modSp">
        <pc:chgData name="Muhammad Hami Asma'l ISMAIL" userId="a8660aee-7994-4c5b-bbca-19bd60ee1bac" providerId="ADAL" clId="{54A161F1-2797-4606-A74C-CFFE3B224932}" dt="2020-12-08T14:17:17.559" v="3460" actId="20577"/>
        <pc:sldMkLst>
          <pc:docMk/>
          <pc:sldMk cId="1832103495" sldId="316"/>
        </pc:sldMkLst>
        <pc:spChg chg="mod">
          <ac:chgData name="Muhammad Hami Asma'l ISMAIL" userId="a8660aee-7994-4c5b-bbca-19bd60ee1bac" providerId="ADAL" clId="{54A161F1-2797-4606-A74C-CFFE3B224932}" dt="2020-12-08T14:17:17.559" v="3460" actId="20577"/>
          <ac:spMkLst>
            <pc:docMk/>
            <pc:sldMk cId="1832103495" sldId="316"/>
            <ac:spMk id="4" creationId="{298CF959-4651-4C64-A08C-8F2BDE46A824}"/>
          </ac:spMkLst>
        </pc:spChg>
      </pc:sldChg>
      <pc:sldChg chg="addSp delSp modSp modNotesTx">
        <pc:chgData name="Muhammad Hami Asma'l ISMAIL" userId="a8660aee-7994-4c5b-bbca-19bd60ee1bac" providerId="ADAL" clId="{54A161F1-2797-4606-A74C-CFFE3B224932}" dt="2020-12-08T09:22:29.286" v="3424" actId="20577"/>
        <pc:sldMkLst>
          <pc:docMk/>
          <pc:sldMk cId="1589508855" sldId="347"/>
        </pc:sldMkLst>
        <pc:spChg chg="mod">
          <ac:chgData name="Muhammad Hami Asma'l ISMAIL" userId="a8660aee-7994-4c5b-bbca-19bd60ee1bac" providerId="ADAL" clId="{54A161F1-2797-4606-A74C-CFFE3B224932}" dt="2020-12-07T00:56:19.894" v="2618" actId="1076"/>
          <ac:spMkLst>
            <pc:docMk/>
            <pc:sldMk cId="1589508855" sldId="347"/>
            <ac:spMk id="5" creationId="{D00F49B6-A618-4950-BC45-2C8D61F16939}"/>
          </ac:spMkLst>
        </pc:spChg>
        <pc:spChg chg="mod">
          <ac:chgData name="Muhammad Hami Asma'l ISMAIL" userId="a8660aee-7994-4c5b-bbca-19bd60ee1bac" providerId="ADAL" clId="{54A161F1-2797-4606-A74C-CFFE3B224932}" dt="2020-12-07T00:56:16.601" v="2617" actId="403"/>
          <ac:spMkLst>
            <pc:docMk/>
            <pc:sldMk cId="1589508855" sldId="347"/>
            <ac:spMk id="6" creationId="{71ABBC49-FBAD-40C0-ACD6-59EEAE1E9428}"/>
          </ac:spMkLst>
        </pc:spChg>
        <pc:spChg chg="mod">
          <ac:chgData name="Muhammad Hami Asma'l ISMAIL" userId="a8660aee-7994-4c5b-bbca-19bd60ee1bac" providerId="ADAL" clId="{54A161F1-2797-4606-A74C-CFFE3B224932}" dt="2020-12-07T00:56:02.726" v="2615" actId="403"/>
          <ac:spMkLst>
            <pc:docMk/>
            <pc:sldMk cId="1589508855" sldId="347"/>
            <ac:spMk id="8" creationId="{CD02CCD4-2B53-4F0A-B994-02ACD5F0E09D}"/>
          </ac:spMkLst>
        </pc:spChg>
        <pc:spChg chg="mod">
          <ac:chgData name="Muhammad Hami Asma'l ISMAIL" userId="a8660aee-7994-4c5b-bbca-19bd60ee1bac" providerId="ADAL" clId="{54A161F1-2797-4606-A74C-CFFE3B224932}" dt="2020-12-07T01:02:48.629" v="2898" actId="20577"/>
          <ac:spMkLst>
            <pc:docMk/>
            <pc:sldMk cId="1589508855" sldId="347"/>
            <ac:spMk id="9" creationId="{B2E1D5D6-081E-48CF-BB80-678EB89F248F}"/>
          </ac:spMkLst>
        </pc:spChg>
        <pc:grpChg chg="mod">
          <ac:chgData name="Muhammad Hami Asma'l ISMAIL" userId="a8660aee-7994-4c5b-bbca-19bd60ee1bac" providerId="ADAL" clId="{54A161F1-2797-4606-A74C-CFFE3B224932}" dt="2020-12-02T14:13:37.901" v="774"/>
          <ac:grpSpMkLst>
            <pc:docMk/>
            <pc:sldMk cId="1589508855" sldId="347"/>
            <ac:grpSpMk id="4" creationId="{D29042A5-44CA-4E0F-A565-87BE5ED12FA0}"/>
          </ac:grpSpMkLst>
        </pc:grpChg>
        <pc:grpChg chg="mod">
          <ac:chgData name="Muhammad Hami Asma'l ISMAIL" userId="a8660aee-7994-4c5b-bbca-19bd60ee1bac" providerId="ADAL" clId="{54A161F1-2797-4606-A74C-CFFE3B224932}" dt="2020-12-02T14:11:12.120" v="705"/>
          <ac:grpSpMkLst>
            <pc:docMk/>
            <pc:sldMk cId="1589508855" sldId="347"/>
            <ac:grpSpMk id="7" creationId="{CE348A2F-9403-45B5-98CA-A7C6059D3F6E}"/>
          </ac:grpSpMkLst>
        </pc:grpChg>
        <pc:picChg chg="add mod">
          <ac:chgData name="Muhammad Hami Asma'l ISMAIL" userId="a8660aee-7994-4c5b-bbca-19bd60ee1bac" providerId="ADAL" clId="{54A161F1-2797-4606-A74C-CFFE3B224932}" dt="2020-12-07T01:03:55.019" v="2903" actId="1076"/>
          <ac:picMkLst>
            <pc:docMk/>
            <pc:sldMk cId="1589508855" sldId="347"/>
            <ac:picMk id="10" creationId="{EF3A0E3C-7C05-44A4-AFD4-65355D7096FF}"/>
          </ac:picMkLst>
        </pc:picChg>
        <pc:picChg chg="add del mod">
          <ac:chgData name="Muhammad Hami Asma'l ISMAIL" userId="a8660aee-7994-4c5b-bbca-19bd60ee1bac" providerId="ADAL" clId="{54A161F1-2797-4606-A74C-CFFE3B224932}" dt="2020-12-07T01:06:21.410" v="2909" actId="478"/>
          <ac:picMkLst>
            <pc:docMk/>
            <pc:sldMk cId="1589508855" sldId="347"/>
            <ac:picMk id="11" creationId="{2866CEE4-09A9-4509-BC77-B858CC0AAC14}"/>
          </ac:picMkLst>
        </pc:picChg>
        <pc:picChg chg="add mod">
          <ac:chgData name="Muhammad Hami Asma'l ISMAIL" userId="a8660aee-7994-4c5b-bbca-19bd60ee1bac" providerId="ADAL" clId="{54A161F1-2797-4606-A74C-CFFE3B224932}" dt="2020-12-07T01:06:33.096" v="2914" actId="1076"/>
          <ac:picMkLst>
            <pc:docMk/>
            <pc:sldMk cId="1589508855" sldId="347"/>
            <ac:picMk id="12" creationId="{33E3E2B4-AB53-45AE-AD53-9ABCB706E82B}"/>
          </ac:picMkLst>
        </pc:picChg>
      </pc:sldChg>
      <pc:sldChg chg="addSp delSp modSp">
        <pc:chgData name="Muhammad Hami Asma'l ISMAIL" userId="a8660aee-7994-4c5b-bbca-19bd60ee1bac" providerId="ADAL" clId="{54A161F1-2797-4606-A74C-CFFE3B224932}" dt="2020-12-07T00:44:48.181" v="2356" actId="478"/>
        <pc:sldMkLst>
          <pc:docMk/>
          <pc:sldMk cId="1594200652" sldId="354"/>
        </pc:sldMkLst>
        <pc:spChg chg="mod">
          <ac:chgData name="Muhammad Hami Asma'l ISMAIL" userId="a8660aee-7994-4c5b-bbca-19bd60ee1bac" providerId="ADAL" clId="{54A161F1-2797-4606-A74C-CFFE3B224932}" dt="2020-12-07T00:42:32.339" v="2311" actId="207"/>
          <ac:spMkLst>
            <pc:docMk/>
            <pc:sldMk cId="1594200652" sldId="354"/>
            <ac:spMk id="4" creationId="{03F358DF-1DF8-4344-80E4-F3B8FFD808A7}"/>
          </ac:spMkLst>
        </pc:spChg>
        <pc:spChg chg="del mod">
          <ac:chgData name="Muhammad Hami Asma'l ISMAIL" userId="a8660aee-7994-4c5b-bbca-19bd60ee1bac" providerId="ADAL" clId="{54A161F1-2797-4606-A74C-CFFE3B224932}" dt="2020-12-03T01:26:39.634" v="1804"/>
          <ac:spMkLst>
            <pc:docMk/>
            <pc:sldMk cId="1594200652" sldId="354"/>
            <ac:spMk id="26" creationId="{5A2684B3-5EDC-4259-B379-7F75AD8C1ED3}"/>
          </ac:spMkLst>
        </pc:spChg>
        <pc:spChg chg="mod">
          <ac:chgData name="Muhammad Hami Asma'l ISMAIL" userId="a8660aee-7994-4c5b-bbca-19bd60ee1bac" providerId="ADAL" clId="{54A161F1-2797-4606-A74C-CFFE3B224932}" dt="2020-12-02T14:24:07.769" v="1249" actId="1076"/>
          <ac:spMkLst>
            <pc:docMk/>
            <pc:sldMk cId="1594200652" sldId="354"/>
            <ac:spMk id="32" creationId="{88B002A7-998D-40F2-98A6-2780E950CDF2}"/>
          </ac:spMkLst>
        </pc:spChg>
        <pc:spChg chg="del mod topLvl">
          <ac:chgData name="Muhammad Hami Asma'l ISMAIL" userId="a8660aee-7994-4c5b-bbca-19bd60ee1bac" providerId="ADAL" clId="{54A161F1-2797-4606-A74C-CFFE3B224932}" dt="2020-12-07T00:41:41.134" v="2303" actId="478"/>
          <ac:spMkLst>
            <pc:docMk/>
            <pc:sldMk cId="1594200652" sldId="354"/>
            <ac:spMk id="57" creationId="{16F7B05C-0A96-4F4F-9798-44DF2A4E5786}"/>
          </ac:spMkLst>
        </pc:spChg>
        <pc:spChg chg="add del mod topLvl">
          <ac:chgData name="Muhammad Hami Asma'l ISMAIL" userId="a8660aee-7994-4c5b-bbca-19bd60ee1bac" providerId="ADAL" clId="{54A161F1-2797-4606-A74C-CFFE3B224932}" dt="2020-12-07T00:44:48.181" v="2356" actId="478"/>
          <ac:spMkLst>
            <pc:docMk/>
            <pc:sldMk cId="1594200652" sldId="354"/>
            <ac:spMk id="58" creationId="{D7A76DC9-3FB5-4095-BBA3-61DC2D4715DA}"/>
          </ac:spMkLst>
        </pc:spChg>
        <pc:spChg chg="mod">
          <ac:chgData name="Muhammad Hami Asma'l ISMAIL" userId="a8660aee-7994-4c5b-bbca-19bd60ee1bac" providerId="ADAL" clId="{54A161F1-2797-4606-A74C-CFFE3B224932}" dt="2020-12-02T14:24:07.769" v="1249" actId="1076"/>
          <ac:spMkLst>
            <pc:docMk/>
            <pc:sldMk cId="1594200652" sldId="354"/>
            <ac:spMk id="59" creationId="{F04C19B5-750F-4714-BAF7-E16CB2181783}"/>
          </ac:spMkLst>
        </pc:spChg>
        <pc:spChg chg="mod">
          <ac:chgData name="Muhammad Hami Asma'l ISMAIL" userId="a8660aee-7994-4c5b-bbca-19bd60ee1bac" providerId="ADAL" clId="{54A161F1-2797-4606-A74C-CFFE3B224932}" dt="2020-12-02T14:24:07.769" v="1249" actId="1076"/>
          <ac:spMkLst>
            <pc:docMk/>
            <pc:sldMk cId="1594200652" sldId="354"/>
            <ac:spMk id="60" creationId="{1885D625-EF7B-4FE9-BA1D-656F3373028F}"/>
          </ac:spMkLst>
        </pc:spChg>
        <pc:spChg chg="add mod ord">
          <ac:chgData name="Muhammad Hami Asma'l ISMAIL" userId="a8660aee-7994-4c5b-bbca-19bd60ee1bac" providerId="ADAL" clId="{54A161F1-2797-4606-A74C-CFFE3B224932}" dt="2020-12-03T01:25:19.175" v="1772" actId="1076"/>
          <ac:spMkLst>
            <pc:docMk/>
            <pc:sldMk cId="1594200652" sldId="354"/>
            <ac:spMk id="62" creationId="{8A91DEA8-8EF2-492C-9883-32AF162BEBE4}"/>
          </ac:spMkLst>
        </pc:spChg>
        <pc:spChg chg="add del mod">
          <ac:chgData name="Muhammad Hami Asma'l ISMAIL" userId="a8660aee-7994-4c5b-bbca-19bd60ee1bac" providerId="ADAL" clId="{54A161F1-2797-4606-A74C-CFFE3B224932}" dt="2020-12-03T01:17:04.052" v="1723" actId="478"/>
          <ac:spMkLst>
            <pc:docMk/>
            <pc:sldMk cId="1594200652" sldId="354"/>
            <ac:spMk id="63" creationId="{7F5DAF12-E8D2-4285-93BC-F2B6E38D6D06}"/>
          </ac:spMkLst>
        </pc:spChg>
        <pc:spChg chg="del">
          <ac:chgData name="Muhammad Hami Asma'l ISMAIL" userId="a8660aee-7994-4c5b-bbca-19bd60ee1bac" providerId="ADAL" clId="{54A161F1-2797-4606-A74C-CFFE3B224932}" dt="2020-12-02T14:24:00.579" v="1248"/>
          <ac:spMkLst>
            <pc:docMk/>
            <pc:sldMk cId="1594200652" sldId="354"/>
            <ac:spMk id="65" creationId="{1985DC1F-42CA-4C38-AFF5-C0E45A89814B}"/>
          </ac:spMkLst>
        </pc:spChg>
        <pc:spChg chg="add del mod">
          <ac:chgData name="Muhammad Hami Asma'l ISMAIL" userId="a8660aee-7994-4c5b-bbca-19bd60ee1bac" providerId="ADAL" clId="{54A161F1-2797-4606-A74C-CFFE3B224932}" dt="2020-12-03T01:16:50.764" v="1722"/>
          <ac:spMkLst>
            <pc:docMk/>
            <pc:sldMk cId="1594200652" sldId="354"/>
            <ac:spMk id="92" creationId="{DBFB77EC-3910-442C-9D3D-BF31FB389AD4}"/>
          </ac:spMkLst>
        </pc:spChg>
        <pc:spChg chg="add mod">
          <ac:chgData name="Muhammad Hami Asma'l ISMAIL" userId="a8660aee-7994-4c5b-bbca-19bd60ee1bac" providerId="ADAL" clId="{54A161F1-2797-4606-A74C-CFFE3B224932}" dt="2020-12-07T00:43:03.568" v="2321" actId="207"/>
          <ac:spMkLst>
            <pc:docMk/>
            <pc:sldMk cId="1594200652" sldId="354"/>
            <ac:spMk id="93" creationId="{CE8A7899-BFEA-4540-980D-10BF0F57F8F2}"/>
          </ac:spMkLst>
        </pc:spChg>
        <pc:spChg chg="add mod">
          <ac:chgData name="Muhammad Hami Asma'l ISMAIL" userId="a8660aee-7994-4c5b-bbca-19bd60ee1bac" providerId="ADAL" clId="{54A161F1-2797-4606-A74C-CFFE3B224932}" dt="2020-12-07T00:39:32.794" v="2285" actId="207"/>
          <ac:spMkLst>
            <pc:docMk/>
            <pc:sldMk cId="1594200652" sldId="354"/>
            <ac:spMk id="94" creationId="{155FAC7A-B4D0-4D67-9678-7F8273BCD9D4}"/>
          </ac:spMkLst>
        </pc:spChg>
        <pc:spChg chg="mod">
          <ac:chgData name="Muhammad Hami Asma'l ISMAIL" userId="a8660aee-7994-4c5b-bbca-19bd60ee1bac" providerId="ADAL" clId="{54A161F1-2797-4606-A74C-CFFE3B224932}" dt="2020-12-07T00:42:40.408" v="2314" actId="20577"/>
          <ac:spMkLst>
            <pc:docMk/>
            <pc:sldMk cId="1594200652" sldId="354"/>
            <ac:spMk id="96" creationId="{79B760D8-06FA-42C1-BF16-D47FDEB801E8}"/>
          </ac:spMkLst>
        </pc:spChg>
        <pc:spChg chg="mod">
          <ac:chgData name="Muhammad Hami Asma'l ISMAIL" userId="a8660aee-7994-4c5b-bbca-19bd60ee1bac" providerId="ADAL" clId="{54A161F1-2797-4606-A74C-CFFE3B224932}" dt="2020-12-07T00:42:44.271" v="2315" actId="207"/>
          <ac:spMkLst>
            <pc:docMk/>
            <pc:sldMk cId="1594200652" sldId="354"/>
            <ac:spMk id="97" creationId="{C1C2D56B-8B5B-4923-B83F-6AECB34305FD}"/>
          </ac:spMkLst>
        </pc:spChg>
        <pc:spChg chg="mod">
          <ac:chgData name="Muhammad Hami Asma'l ISMAIL" userId="a8660aee-7994-4c5b-bbca-19bd60ee1bac" providerId="ADAL" clId="{54A161F1-2797-4606-A74C-CFFE3B224932}" dt="2020-12-07T00:42:47.215" v="2316" actId="207"/>
          <ac:spMkLst>
            <pc:docMk/>
            <pc:sldMk cId="1594200652" sldId="354"/>
            <ac:spMk id="98" creationId="{8AE27907-1797-49DF-B507-F084CC3C9186}"/>
          </ac:spMkLst>
        </pc:spChg>
        <pc:spChg chg="mod">
          <ac:chgData name="Muhammad Hami Asma'l ISMAIL" userId="a8660aee-7994-4c5b-bbca-19bd60ee1bac" providerId="ADAL" clId="{54A161F1-2797-4606-A74C-CFFE3B224932}" dt="2020-12-07T00:42:52.624" v="2317" actId="207"/>
          <ac:spMkLst>
            <pc:docMk/>
            <pc:sldMk cId="1594200652" sldId="354"/>
            <ac:spMk id="99" creationId="{6E2480F0-3719-44DD-81F8-2C7859D642FA}"/>
          </ac:spMkLst>
        </pc:spChg>
        <pc:spChg chg="mod">
          <ac:chgData name="Muhammad Hami Asma'l ISMAIL" userId="a8660aee-7994-4c5b-bbca-19bd60ee1bac" providerId="ADAL" clId="{54A161F1-2797-4606-A74C-CFFE3B224932}" dt="2020-12-07T00:42:57.591" v="2319" actId="207"/>
          <ac:spMkLst>
            <pc:docMk/>
            <pc:sldMk cId="1594200652" sldId="354"/>
            <ac:spMk id="100" creationId="{693A01A5-7517-46D4-AEDA-684B6A6F496A}"/>
          </ac:spMkLst>
        </pc:spChg>
        <pc:spChg chg="mod">
          <ac:chgData name="Muhammad Hami Asma'l ISMAIL" userId="a8660aee-7994-4c5b-bbca-19bd60ee1bac" providerId="ADAL" clId="{54A161F1-2797-4606-A74C-CFFE3B224932}" dt="2020-12-07T00:43:00.616" v="2320" actId="207"/>
          <ac:spMkLst>
            <pc:docMk/>
            <pc:sldMk cId="1594200652" sldId="354"/>
            <ac:spMk id="101" creationId="{BEC92D15-173F-46B9-91A2-084CB3C19D8F}"/>
          </ac:spMkLst>
        </pc:spChg>
        <pc:spChg chg="mod">
          <ac:chgData name="Muhammad Hami Asma'l ISMAIL" userId="a8660aee-7994-4c5b-bbca-19bd60ee1bac" providerId="ADAL" clId="{54A161F1-2797-4606-A74C-CFFE3B224932}" dt="2020-12-02T14:24:07.769" v="1249" actId="1076"/>
          <ac:spMkLst>
            <pc:docMk/>
            <pc:sldMk cId="1594200652" sldId="354"/>
            <ac:spMk id="103" creationId="{477D391A-EA42-4D04-B2AB-E0D2A84D7248}"/>
          </ac:spMkLst>
        </pc:spChg>
        <pc:spChg chg="mod">
          <ac:chgData name="Muhammad Hami Asma'l ISMAIL" userId="a8660aee-7994-4c5b-bbca-19bd60ee1bac" providerId="ADAL" clId="{54A161F1-2797-4606-A74C-CFFE3B224932}" dt="2020-12-02T14:24:07.769" v="1249" actId="1076"/>
          <ac:spMkLst>
            <pc:docMk/>
            <pc:sldMk cId="1594200652" sldId="354"/>
            <ac:spMk id="104" creationId="{FA4DE62E-0A23-4401-B984-C3792CDBB4CD}"/>
          </ac:spMkLst>
        </pc:spChg>
        <pc:spChg chg="mod">
          <ac:chgData name="Muhammad Hami Asma'l ISMAIL" userId="a8660aee-7994-4c5b-bbca-19bd60ee1bac" providerId="ADAL" clId="{54A161F1-2797-4606-A74C-CFFE3B224932}" dt="2020-12-02T14:24:07.769" v="1249" actId="1076"/>
          <ac:spMkLst>
            <pc:docMk/>
            <pc:sldMk cId="1594200652" sldId="354"/>
            <ac:spMk id="105" creationId="{2A35155E-4B91-42D5-9226-69E801AEB0BC}"/>
          </ac:spMkLst>
        </pc:spChg>
        <pc:spChg chg="mod">
          <ac:chgData name="Muhammad Hami Asma'l ISMAIL" userId="a8660aee-7994-4c5b-bbca-19bd60ee1bac" providerId="ADAL" clId="{54A161F1-2797-4606-A74C-CFFE3B224932}" dt="2020-12-02T14:24:07.769" v="1249" actId="1076"/>
          <ac:spMkLst>
            <pc:docMk/>
            <pc:sldMk cId="1594200652" sldId="354"/>
            <ac:spMk id="106" creationId="{E6159CB1-9B02-4C5F-8FAB-E88EE5D03DDC}"/>
          </ac:spMkLst>
        </pc:spChg>
        <pc:spChg chg="mod">
          <ac:chgData name="Muhammad Hami Asma'l ISMAIL" userId="a8660aee-7994-4c5b-bbca-19bd60ee1bac" providerId="ADAL" clId="{54A161F1-2797-4606-A74C-CFFE3B224932}" dt="2020-12-02T14:24:07.769" v="1249" actId="1076"/>
          <ac:spMkLst>
            <pc:docMk/>
            <pc:sldMk cId="1594200652" sldId="354"/>
            <ac:spMk id="107" creationId="{4123B05E-05A1-413C-B7FE-ECD97F49A180}"/>
          </ac:spMkLst>
        </pc:spChg>
        <pc:spChg chg="mod">
          <ac:chgData name="Muhammad Hami Asma'l ISMAIL" userId="a8660aee-7994-4c5b-bbca-19bd60ee1bac" providerId="ADAL" clId="{54A161F1-2797-4606-A74C-CFFE3B224932}" dt="2020-12-07T00:39:25.738" v="2284" actId="207"/>
          <ac:spMkLst>
            <pc:docMk/>
            <pc:sldMk cId="1594200652" sldId="354"/>
            <ac:spMk id="108" creationId="{E4FEF97D-C762-43E1-9809-BA862E068E89}"/>
          </ac:spMkLst>
        </pc:spChg>
        <pc:spChg chg="mod">
          <ac:chgData name="Muhammad Hami Asma'l ISMAIL" userId="a8660aee-7994-4c5b-bbca-19bd60ee1bac" providerId="ADAL" clId="{54A161F1-2797-4606-A74C-CFFE3B224932}" dt="2020-12-07T00:39:35.634" v="2286" actId="207"/>
          <ac:spMkLst>
            <pc:docMk/>
            <pc:sldMk cId="1594200652" sldId="354"/>
            <ac:spMk id="109" creationId="{D0AB28C3-95CE-4DF5-86EC-366332D28DFA}"/>
          </ac:spMkLst>
        </pc:spChg>
        <pc:spChg chg="del mod">
          <ac:chgData name="Muhammad Hami Asma'l ISMAIL" userId="a8660aee-7994-4c5b-bbca-19bd60ee1bac" providerId="ADAL" clId="{54A161F1-2797-4606-A74C-CFFE3B224932}" dt="2020-12-03T01:26:39.632" v="1802"/>
          <ac:spMkLst>
            <pc:docMk/>
            <pc:sldMk cId="1594200652" sldId="354"/>
            <ac:spMk id="110" creationId="{03F238DA-76E0-4FD0-81B1-13984A03B0F8}"/>
          </ac:spMkLst>
        </pc:spChg>
        <pc:spChg chg="del mod">
          <ac:chgData name="Muhammad Hami Asma'l ISMAIL" userId="a8660aee-7994-4c5b-bbca-19bd60ee1bac" providerId="ADAL" clId="{54A161F1-2797-4606-A74C-CFFE3B224932}" dt="2020-12-03T01:26:39.628" v="1800" actId="478"/>
          <ac:spMkLst>
            <pc:docMk/>
            <pc:sldMk cId="1594200652" sldId="354"/>
            <ac:spMk id="111" creationId="{38223230-ECEF-4B5D-863E-20EF06565D2F}"/>
          </ac:spMkLst>
        </pc:spChg>
        <pc:spChg chg="add del mod">
          <ac:chgData name="Muhammad Hami Asma'l ISMAIL" userId="a8660aee-7994-4c5b-bbca-19bd60ee1bac" providerId="ADAL" clId="{54A161F1-2797-4606-A74C-CFFE3B224932}" dt="2020-12-07T00:34:23.337" v="2242" actId="403"/>
          <ac:spMkLst>
            <pc:docMk/>
            <pc:sldMk cId="1594200652" sldId="354"/>
            <ac:spMk id="112" creationId="{AD9B19BA-3751-441C-96A8-3DDE4476AFDA}"/>
          </ac:spMkLst>
        </pc:spChg>
        <pc:spChg chg="del mod">
          <ac:chgData name="Muhammad Hami Asma'l ISMAIL" userId="a8660aee-7994-4c5b-bbca-19bd60ee1bac" providerId="ADAL" clId="{54A161F1-2797-4606-A74C-CFFE3B224932}" dt="2020-12-03T01:33:37.744" v="1909" actId="478"/>
          <ac:spMkLst>
            <pc:docMk/>
            <pc:sldMk cId="1594200652" sldId="354"/>
            <ac:spMk id="113" creationId="{7817B211-8366-4324-9C0D-482E2C94D052}"/>
          </ac:spMkLst>
        </pc:spChg>
        <pc:spChg chg="del mod">
          <ac:chgData name="Muhammad Hami Asma'l ISMAIL" userId="a8660aee-7994-4c5b-bbca-19bd60ee1bac" providerId="ADAL" clId="{54A161F1-2797-4606-A74C-CFFE3B224932}" dt="2020-12-03T01:33:36.086" v="1908" actId="478"/>
          <ac:spMkLst>
            <pc:docMk/>
            <pc:sldMk cId="1594200652" sldId="354"/>
            <ac:spMk id="114" creationId="{0C42D947-9C00-4681-8B3F-E84852DA1D87}"/>
          </ac:spMkLst>
        </pc:spChg>
        <pc:spChg chg="del mod">
          <ac:chgData name="Muhammad Hami Asma'l ISMAIL" userId="a8660aee-7994-4c5b-bbca-19bd60ee1bac" providerId="ADAL" clId="{54A161F1-2797-4606-A74C-CFFE3B224932}" dt="2020-12-03T01:33:34.502" v="1907" actId="478"/>
          <ac:spMkLst>
            <pc:docMk/>
            <pc:sldMk cId="1594200652" sldId="354"/>
            <ac:spMk id="115" creationId="{0C0D7143-8D52-484C-A79A-A74A67D04404}"/>
          </ac:spMkLst>
        </pc:spChg>
        <pc:spChg chg="mod">
          <ac:chgData name="Muhammad Hami Asma'l ISMAIL" userId="a8660aee-7994-4c5b-bbca-19bd60ee1bac" providerId="ADAL" clId="{54A161F1-2797-4606-A74C-CFFE3B224932}" dt="2020-12-07T00:35:31.070" v="2270" actId="403"/>
          <ac:spMkLst>
            <pc:docMk/>
            <pc:sldMk cId="1594200652" sldId="354"/>
            <ac:spMk id="123" creationId="{03F4A5A6-43EA-4552-9879-F366F2B8B5FE}"/>
          </ac:spMkLst>
        </pc:spChg>
        <pc:spChg chg="mod">
          <ac:chgData name="Muhammad Hami Asma'l ISMAIL" userId="a8660aee-7994-4c5b-bbca-19bd60ee1bac" providerId="ADAL" clId="{54A161F1-2797-4606-A74C-CFFE3B224932}" dt="2020-12-07T00:35:31.070" v="2270" actId="403"/>
          <ac:spMkLst>
            <pc:docMk/>
            <pc:sldMk cId="1594200652" sldId="354"/>
            <ac:spMk id="124" creationId="{0AAD55BB-8FA2-40AB-B8BC-2E10A85EDAF6}"/>
          </ac:spMkLst>
        </pc:spChg>
        <pc:spChg chg="mod">
          <ac:chgData name="Muhammad Hami Asma'l ISMAIL" userId="a8660aee-7994-4c5b-bbca-19bd60ee1bac" providerId="ADAL" clId="{54A161F1-2797-4606-A74C-CFFE3B224932}" dt="2020-12-07T00:36:05.814" v="2279" actId="403"/>
          <ac:spMkLst>
            <pc:docMk/>
            <pc:sldMk cId="1594200652" sldId="354"/>
            <ac:spMk id="129" creationId="{E1E551AA-E353-4B6E-B1BB-DEC7ED1244AF}"/>
          </ac:spMkLst>
        </pc:spChg>
        <pc:spChg chg="mod">
          <ac:chgData name="Muhammad Hami Asma'l ISMAIL" userId="a8660aee-7994-4c5b-bbca-19bd60ee1bac" providerId="ADAL" clId="{54A161F1-2797-4606-A74C-CFFE3B224932}" dt="2020-12-07T00:40:57.072" v="2296" actId="20577"/>
          <ac:spMkLst>
            <pc:docMk/>
            <pc:sldMk cId="1594200652" sldId="354"/>
            <ac:spMk id="130" creationId="{B032EFD7-A06E-4731-8C21-5A988D74290A}"/>
          </ac:spMkLst>
        </pc:spChg>
        <pc:spChg chg="mod">
          <ac:chgData name="Muhammad Hami Asma'l ISMAIL" userId="a8660aee-7994-4c5b-bbca-19bd60ee1bac" providerId="ADAL" clId="{54A161F1-2797-4606-A74C-CFFE3B224932}" dt="2020-12-07T00:40:49.405" v="2288" actId="207"/>
          <ac:spMkLst>
            <pc:docMk/>
            <pc:sldMk cId="1594200652" sldId="354"/>
            <ac:spMk id="133" creationId="{56E75932-B719-440F-95F2-5A94F31AA10E}"/>
          </ac:spMkLst>
        </pc:spChg>
        <pc:spChg chg="mod">
          <ac:chgData name="Muhammad Hami Asma'l ISMAIL" userId="a8660aee-7994-4c5b-bbca-19bd60ee1bac" providerId="ADAL" clId="{54A161F1-2797-4606-A74C-CFFE3B224932}" dt="2020-12-07T00:40:54.389" v="2295" actId="20577"/>
          <ac:spMkLst>
            <pc:docMk/>
            <pc:sldMk cId="1594200652" sldId="354"/>
            <ac:spMk id="134" creationId="{D9CCB2F0-6EBB-4C16-86FD-CDAEC29F6C1D}"/>
          </ac:spMkLst>
        </pc:spChg>
        <pc:spChg chg="add mod">
          <ac:chgData name="Muhammad Hami Asma'l ISMAIL" userId="a8660aee-7994-4c5b-bbca-19bd60ee1bac" providerId="ADAL" clId="{54A161F1-2797-4606-A74C-CFFE3B224932}" dt="2020-12-07T00:43:08.808" v="2322" actId="207"/>
          <ac:spMkLst>
            <pc:docMk/>
            <pc:sldMk cId="1594200652" sldId="354"/>
            <ac:spMk id="135" creationId="{43AD51E6-848C-4225-8AAC-38F5B0E592ED}"/>
          </ac:spMkLst>
        </pc:spChg>
        <pc:spChg chg="add mod">
          <ac:chgData name="Muhammad Hami Asma'l ISMAIL" userId="a8660aee-7994-4c5b-bbca-19bd60ee1bac" providerId="ADAL" clId="{54A161F1-2797-4606-A74C-CFFE3B224932}" dt="2020-12-07T00:39:32.794" v="2285" actId="207"/>
          <ac:spMkLst>
            <pc:docMk/>
            <pc:sldMk cId="1594200652" sldId="354"/>
            <ac:spMk id="136" creationId="{CE0E9D76-5F01-4275-837D-07A251598C40}"/>
          </ac:spMkLst>
        </pc:spChg>
        <pc:spChg chg="add del mod">
          <ac:chgData name="Muhammad Hami Asma'l ISMAIL" userId="a8660aee-7994-4c5b-bbca-19bd60ee1bac" providerId="ADAL" clId="{54A161F1-2797-4606-A74C-CFFE3B224932}" dt="2020-12-03T01:28:09.373" v="1815"/>
          <ac:spMkLst>
            <pc:docMk/>
            <pc:sldMk cId="1594200652" sldId="354"/>
            <ac:spMk id="138" creationId="{EE3EAA86-7E4E-4147-BAB8-5D1BDDE7BB6E}"/>
          </ac:spMkLst>
        </pc:spChg>
        <pc:spChg chg="mod">
          <ac:chgData name="Muhammad Hami Asma'l ISMAIL" userId="a8660aee-7994-4c5b-bbca-19bd60ee1bac" providerId="ADAL" clId="{54A161F1-2797-4606-A74C-CFFE3B224932}" dt="2020-12-07T00:34:32.565" v="2246" actId="403"/>
          <ac:spMkLst>
            <pc:docMk/>
            <pc:sldMk cId="1594200652" sldId="354"/>
            <ac:spMk id="141" creationId="{E474B5E8-988F-4512-8DEE-380A28F55DA9}"/>
          </ac:spMkLst>
        </pc:spChg>
        <pc:spChg chg="mod">
          <ac:chgData name="Muhammad Hami Asma'l ISMAIL" userId="a8660aee-7994-4c5b-bbca-19bd60ee1bac" providerId="ADAL" clId="{54A161F1-2797-4606-A74C-CFFE3B224932}" dt="2020-12-07T00:34:32.565" v="2246" actId="403"/>
          <ac:spMkLst>
            <pc:docMk/>
            <pc:sldMk cId="1594200652" sldId="354"/>
            <ac:spMk id="142" creationId="{C8C790CA-7014-4D8B-8015-98B618A8991B}"/>
          </ac:spMkLst>
        </pc:spChg>
        <pc:spChg chg="mod">
          <ac:chgData name="Muhammad Hami Asma'l ISMAIL" userId="a8660aee-7994-4c5b-bbca-19bd60ee1bac" providerId="ADAL" clId="{54A161F1-2797-4606-A74C-CFFE3B224932}" dt="2020-12-07T00:34:43.701" v="2252" actId="404"/>
          <ac:spMkLst>
            <pc:docMk/>
            <pc:sldMk cId="1594200652" sldId="354"/>
            <ac:spMk id="149" creationId="{8ADCC1EF-E9E6-478C-9130-BA29A4F3F7DA}"/>
          </ac:spMkLst>
        </pc:spChg>
        <pc:spChg chg="mod">
          <ac:chgData name="Muhammad Hami Asma'l ISMAIL" userId="a8660aee-7994-4c5b-bbca-19bd60ee1bac" providerId="ADAL" clId="{54A161F1-2797-4606-A74C-CFFE3B224932}" dt="2020-12-07T00:34:43.701" v="2252" actId="404"/>
          <ac:spMkLst>
            <pc:docMk/>
            <pc:sldMk cId="1594200652" sldId="354"/>
            <ac:spMk id="150" creationId="{183BC4C6-E0DF-4C53-93FC-C306311B97BE}"/>
          </ac:spMkLst>
        </pc:spChg>
        <pc:spChg chg="mod">
          <ac:chgData name="Muhammad Hami Asma'l ISMAIL" userId="a8660aee-7994-4c5b-bbca-19bd60ee1bac" providerId="ADAL" clId="{54A161F1-2797-4606-A74C-CFFE3B224932}" dt="2020-12-07T00:35:21.245" v="2266" actId="403"/>
          <ac:spMkLst>
            <pc:docMk/>
            <pc:sldMk cId="1594200652" sldId="354"/>
            <ac:spMk id="153" creationId="{56465BD3-BA78-4ECD-8D79-8F3E468F2FB5}"/>
          </ac:spMkLst>
        </pc:spChg>
        <pc:spChg chg="mod">
          <ac:chgData name="Muhammad Hami Asma'l ISMAIL" userId="a8660aee-7994-4c5b-bbca-19bd60ee1bac" providerId="ADAL" clId="{54A161F1-2797-4606-A74C-CFFE3B224932}" dt="2020-12-07T00:35:21.245" v="2266" actId="403"/>
          <ac:spMkLst>
            <pc:docMk/>
            <pc:sldMk cId="1594200652" sldId="354"/>
            <ac:spMk id="154" creationId="{425F1D6B-4BB5-4C32-BC6C-8445FAFCBE85}"/>
          </ac:spMkLst>
        </pc:spChg>
        <pc:spChg chg="add mod">
          <ac:chgData name="Muhammad Hami Asma'l ISMAIL" userId="a8660aee-7994-4c5b-bbca-19bd60ee1bac" providerId="ADAL" clId="{54A161F1-2797-4606-A74C-CFFE3B224932}" dt="2020-12-07T00:35:05.188" v="2262" actId="404"/>
          <ac:spMkLst>
            <pc:docMk/>
            <pc:sldMk cId="1594200652" sldId="354"/>
            <ac:spMk id="155" creationId="{700AA0BC-4678-4D2D-97A5-D8748B8A0932}"/>
          </ac:spMkLst>
        </pc:spChg>
        <pc:grpChg chg="del mod">
          <ac:chgData name="Muhammad Hami Asma'l ISMAIL" userId="a8660aee-7994-4c5b-bbca-19bd60ee1bac" providerId="ADAL" clId="{54A161F1-2797-4606-A74C-CFFE3B224932}" dt="2020-12-03T01:37:06.002" v="1964" actId="478"/>
          <ac:grpSpMkLst>
            <pc:docMk/>
            <pc:sldMk cId="1594200652" sldId="354"/>
            <ac:grpSpMk id="27" creationId="{A57B499A-35C8-41F9-A2AB-F0A8BE7B1B01}"/>
          </ac:grpSpMkLst>
        </pc:grpChg>
        <pc:grpChg chg="add del mod">
          <ac:chgData name="Muhammad Hami Asma'l ISMAIL" userId="a8660aee-7994-4c5b-bbca-19bd60ee1bac" providerId="ADAL" clId="{54A161F1-2797-4606-A74C-CFFE3B224932}" dt="2020-12-07T00:41:41.134" v="2303" actId="478"/>
          <ac:grpSpMkLst>
            <pc:docMk/>
            <pc:sldMk cId="1594200652" sldId="354"/>
            <ac:grpSpMk id="56" creationId="{D03E68B3-9800-421E-BDE4-DBED1A159947}"/>
          </ac:grpSpMkLst>
        </pc:grpChg>
        <pc:grpChg chg="del mod">
          <ac:chgData name="Muhammad Hami Asma'l ISMAIL" userId="a8660aee-7994-4c5b-bbca-19bd60ee1bac" providerId="ADAL" clId="{54A161F1-2797-4606-A74C-CFFE3B224932}" dt="2020-12-03T01:27:59.328" v="1809" actId="478"/>
          <ac:grpSpMkLst>
            <pc:docMk/>
            <pc:sldMk cId="1594200652" sldId="354"/>
            <ac:grpSpMk id="118" creationId="{DD74D9B4-E5FD-43A7-8A57-A500D905B762}"/>
          </ac:grpSpMkLst>
        </pc:grpChg>
        <pc:grpChg chg="add del mod">
          <ac:chgData name="Muhammad Hami Asma'l ISMAIL" userId="a8660aee-7994-4c5b-bbca-19bd60ee1bac" providerId="ADAL" clId="{54A161F1-2797-4606-A74C-CFFE3B224932}" dt="2020-12-03T01:28:17.924" v="1817"/>
          <ac:grpSpMkLst>
            <pc:docMk/>
            <pc:sldMk cId="1594200652" sldId="354"/>
            <ac:grpSpMk id="122" creationId="{A48713D9-1A12-4A11-B16E-F16EBC0D22CA}"/>
          </ac:grpSpMkLst>
        </pc:grpChg>
        <pc:grpChg chg="del mod">
          <ac:chgData name="Muhammad Hami Asma'l ISMAIL" userId="a8660aee-7994-4c5b-bbca-19bd60ee1bac" providerId="ADAL" clId="{54A161F1-2797-4606-A74C-CFFE3B224932}" dt="2020-12-03T01:36:56.034" v="1963" actId="478"/>
          <ac:grpSpMkLst>
            <pc:docMk/>
            <pc:sldMk cId="1594200652" sldId="354"/>
            <ac:grpSpMk id="126" creationId="{D0E95AEB-03C0-4C1D-B013-DAE15E88EDD3}"/>
          </ac:grpSpMkLst>
        </pc:grpChg>
        <pc:grpChg chg="mod">
          <ac:chgData name="Muhammad Hami Asma'l ISMAIL" userId="a8660aee-7994-4c5b-bbca-19bd60ee1bac" providerId="ADAL" clId="{54A161F1-2797-4606-A74C-CFFE3B224932}" dt="2020-12-03T01:06:53.355" v="1669" actId="1076"/>
          <ac:grpSpMkLst>
            <pc:docMk/>
            <pc:sldMk cId="1594200652" sldId="354"/>
            <ac:grpSpMk id="131" creationId="{5D8275CB-0D47-4D94-A229-6F18F9FFA961}"/>
          </ac:grpSpMkLst>
        </pc:grpChg>
        <pc:grpChg chg="mod">
          <ac:chgData name="Muhammad Hami Asma'l ISMAIL" userId="a8660aee-7994-4c5b-bbca-19bd60ee1bac" providerId="ADAL" clId="{54A161F1-2797-4606-A74C-CFFE3B224932}" dt="2020-12-07T00:41:08.028" v="2297" actId="1076"/>
          <ac:grpSpMkLst>
            <pc:docMk/>
            <pc:sldMk cId="1594200652" sldId="354"/>
            <ac:grpSpMk id="132" creationId="{7CB6EBAD-E86E-4A52-A296-86DE1DC17704}"/>
          </ac:grpSpMkLst>
        </pc:grpChg>
        <pc:grpChg chg="add mod">
          <ac:chgData name="Muhammad Hami Asma'l ISMAIL" userId="a8660aee-7994-4c5b-bbca-19bd60ee1bac" providerId="ADAL" clId="{54A161F1-2797-4606-A74C-CFFE3B224932}" dt="2020-12-03T01:28:39.546" v="1819" actId="1076"/>
          <ac:grpSpMkLst>
            <pc:docMk/>
            <pc:sldMk cId="1594200652" sldId="354"/>
            <ac:grpSpMk id="140" creationId="{94ADC305-AA93-442F-A94D-64C5F936BE8F}"/>
          </ac:grpSpMkLst>
        </pc:grpChg>
        <pc:grpChg chg="add del mod">
          <ac:chgData name="Muhammad Hami Asma'l ISMAIL" userId="a8660aee-7994-4c5b-bbca-19bd60ee1bac" providerId="ADAL" clId="{54A161F1-2797-4606-A74C-CFFE3B224932}" dt="2020-12-03T01:30:59.437" v="1858"/>
          <ac:grpSpMkLst>
            <pc:docMk/>
            <pc:sldMk cId="1594200652" sldId="354"/>
            <ac:grpSpMk id="144" creationId="{EC5C7E4F-5F8C-464A-9A32-EC4CC0F0E04E}"/>
          </ac:grpSpMkLst>
        </pc:grpChg>
        <pc:grpChg chg="add mod">
          <ac:chgData name="Muhammad Hami Asma'l ISMAIL" userId="a8660aee-7994-4c5b-bbca-19bd60ee1bac" providerId="ADAL" clId="{54A161F1-2797-4606-A74C-CFFE3B224932}" dt="2020-12-07T00:34:48.144" v="2253" actId="1076"/>
          <ac:grpSpMkLst>
            <pc:docMk/>
            <pc:sldMk cId="1594200652" sldId="354"/>
            <ac:grpSpMk id="148" creationId="{F804547B-331F-492C-B17B-7408E4ADA33F}"/>
          </ac:grpSpMkLst>
        </pc:grpChg>
        <pc:grpChg chg="add mod ord">
          <ac:chgData name="Muhammad Hami Asma'l ISMAIL" userId="a8660aee-7994-4c5b-bbca-19bd60ee1bac" providerId="ADAL" clId="{54A161F1-2797-4606-A74C-CFFE3B224932}" dt="2020-12-07T00:42:14.526" v="2308" actId="1076"/>
          <ac:grpSpMkLst>
            <pc:docMk/>
            <pc:sldMk cId="1594200652" sldId="354"/>
            <ac:grpSpMk id="152" creationId="{E0D8F66E-F5A3-4584-889A-1D3FFC68FD61}"/>
          </ac:grpSpMkLst>
        </pc:grpChg>
        <pc:graphicFrameChg chg="mod modGraphic">
          <ac:chgData name="Muhammad Hami Asma'l ISMAIL" userId="a8660aee-7994-4c5b-bbca-19bd60ee1bac" providerId="ADAL" clId="{54A161F1-2797-4606-A74C-CFFE3B224932}" dt="2020-12-03T01:18:49.958" v="1733" actId="14100"/>
          <ac:graphicFrameMkLst>
            <pc:docMk/>
            <pc:sldMk cId="1594200652" sldId="354"/>
            <ac:graphicFrameMk id="3" creationId="{442A0451-C78F-4E0F-9EDA-E8D010BCB188}"/>
          </ac:graphicFrameMkLst>
        </pc:graphicFrameChg>
        <pc:graphicFrameChg chg="mod modGraphic">
          <ac:chgData name="Muhammad Hami Asma'l ISMAIL" userId="a8660aee-7994-4c5b-bbca-19bd60ee1bac" providerId="ADAL" clId="{54A161F1-2797-4606-A74C-CFFE3B224932}" dt="2020-12-07T00:39:55.966" v="2287" actId="207"/>
          <ac:graphicFrameMkLst>
            <pc:docMk/>
            <pc:sldMk cId="1594200652" sldId="354"/>
            <ac:graphicFrameMk id="95" creationId="{8F729E0D-27BC-4A38-9D95-3EB1EF1E9C75}"/>
          </ac:graphicFrameMkLst>
        </pc:graphicFrameChg>
        <pc:cxnChg chg="mod">
          <ac:chgData name="Muhammad Hami Asma'l ISMAIL" userId="a8660aee-7994-4c5b-bbca-19bd60ee1bac" providerId="ADAL" clId="{54A161F1-2797-4606-A74C-CFFE3B224932}" dt="2020-12-03T01:18:28.129" v="1731" actId="14100"/>
          <ac:cxnSpMkLst>
            <pc:docMk/>
            <pc:sldMk cId="1594200652" sldId="354"/>
            <ac:cxnSpMk id="11" creationId="{422A9F74-40A6-4B8A-A5E0-85F2AF8EDF8E}"/>
          </ac:cxnSpMkLst>
        </pc:cxnChg>
        <pc:cxnChg chg="mod">
          <ac:chgData name="Muhammad Hami Asma'l ISMAIL" userId="a8660aee-7994-4c5b-bbca-19bd60ee1bac" providerId="ADAL" clId="{54A161F1-2797-4606-A74C-CFFE3B224932}" dt="2020-12-03T01:12:59.895" v="1700" actId="14100"/>
          <ac:cxnSpMkLst>
            <pc:docMk/>
            <pc:sldMk cId="1594200652" sldId="354"/>
            <ac:cxnSpMk id="13" creationId="{43753089-AF42-4831-A528-CA354F9AFCA3}"/>
          </ac:cxnSpMkLst>
        </pc:cxnChg>
        <pc:cxnChg chg="mod">
          <ac:chgData name="Muhammad Hami Asma'l ISMAIL" userId="a8660aee-7994-4c5b-bbca-19bd60ee1bac" providerId="ADAL" clId="{54A161F1-2797-4606-A74C-CFFE3B224932}" dt="2020-12-03T01:13:40.120" v="1702" actId="14100"/>
          <ac:cxnSpMkLst>
            <pc:docMk/>
            <pc:sldMk cId="1594200652" sldId="354"/>
            <ac:cxnSpMk id="15" creationId="{425FAFDE-D914-4C4E-B946-0EFDD9D09EF9}"/>
          </ac:cxnSpMkLst>
        </pc:cxnChg>
        <pc:cxnChg chg="mod">
          <ac:chgData name="Muhammad Hami Asma'l ISMAIL" userId="a8660aee-7994-4c5b-bbca-19bd60ee1bac" providerId="ADAL" clId="{54A161F1-2797-4606-A74C-CFFE3B224932}" dt="2020-12-03T01:18:23.968" v="1730" actId="14100"/>
          <ac:cxnSpMkLst>
            <pc:docMk/>
            <pc:sldMk cId="1594200652" sldId="354"/>
            <ac:cxnSpMk id="18" creationId="{EF7267A8-28D2-4160-84C7-95FCE8C689E5}"/>
          </ac:cxnSpMkLst>
        </pc:cxnChg>
        <pc:cxnChg chg="mod">
          <ac:chgData name="Muhammad Hami Asma'l ISMAIL" userId="a8660aee-7994-4c5b-bbca-19bd60ee1bac" providerId="ADAL" clId="{54A161F1-2797-4606-A74C-CFFE3B224932}" dt="2020-12-03T01:36:27.486" v="1956" actId="14100"/>
          <ac:cxnSpMkLst>
            <pc:docMk/>
            <pc:sldMk cId="1594200652" sldId="354"/>
            <ac:cxnSpMk id="20" creationId="{F6E86B9C-C937-4EEB-9083-9C4A8983C9FE}"/>
          </ac:cxnSpMkLst>
        </pc:cxnChg>
        <pc:cxnChg chg="mod">
          <ac:chgData name="Muhammad Hami Asma'l ISMAIL" userId="a8660aee-7994-4c5b-bbca-19bd60ee1bac" providerId="ADAL" clId="{54A161F1-2797-4606-A74C-CFFE3B224932}" dt="2020-12-07T00:42:54.812" v="2318" actId="1076"/>
          <ac:cxnSpMkLst>
            <pc:docMk/>
            <pc:sldMk cId="1594200652" sldId="354"/>
            <ac:cxnSpMk id="23" creationId="{7DBF7AA1-6EF2-4145-BC4D-E1CCF8DE3794}"/>
          </ac:cxnSpMkLst>
        </pc:cxnChg>
        <pc:cxnChg chg="mod">
          <ac:chgData name="Muhammad Hami Asma'l ISMAIL" userId="a8660aee-7994-4c5b-bbca-19bd60ee1bac" providerId="ADAL" clId="{54A161F1-2797-4606-A74C-CFFE3B224932}" dt="2020-12-03T01:24:33.689" v="1767" actId="1076"/>
          <ac:cxnSpMkLst>
            <pc:docMk/>
            <pc:sldMk cId="1594200652" sldId="354"/>
            <ac:cxnSpMk id="25" creationId="{7DD1CE07-37C4-4947-B7D8-22FF941BB7B9}"/>
          </ac:cxnSpMkLst>
        </pc:cxnChg>
        <pc:cxnChg chg="del mod">
          <ac:chgData name="Muhammad Hami Asma'l ISMAIL" userId="a8660aee-7994-4c5b-bbca-19bd60ee1bac" providerId="ADAL" clId="{54A161F1-2797-4606-A74C-CFFE3B224932}" dt="2020-12-03T01:37:06.002" v="1964" actId="478"/>
          <ac:cxnSpMkLst>
            <pc:docMk/>
            <pc:sldMk cId="1594200652" sldId="354"/>
            <ac:cxnSpMk id="34" creationId="{D714BE7E-BD6D-42F5-8111-E1E9D8C8AB44}"/>
          </ac:cxnSpMkLst>
        </pc:cxnChg>
        <pc:cxnChg chg="add del mod">
          <ac:chgData name="Muhammad Hami Asma'l ISMAIL" userId="a8660aee-7994-4c5b-bbca-19bd60ee1bac" providerId="ADAL" clId="{54A161F1-2797-4606-A74C-CFFE3B224932}" dt="2020-12-03T01:17:04.052" v="1723" actId="478"/>
          <ac:cxnSpMkLst>
            <pc:docMk/>
            <pc:sldMk cId="1594200652" sldId="354"/>
            <ac:cxnSpMk id="64" creationId="{06987599-4DF1-4E97-9CFE-EF0AD85C03B8}"/>
          </ac:cxnSpMkLst>
        </pc:cxnChg>
        <pc:cxnChg chg="add mod">
          <ac:chgData name="Muhammad Hami Asma'l ISMAIL" userId="a8660aee-7994-4c5b-bbca-19bd60ee1bac" providerId="ADAL" clId="{54A161F1-2797-4606-A74C-CFFE3B224932}" dt="2020-12-03T01:17:56.903" v="1728" actId="14100"/>
          <ac:cxnSpMkLst>
            <pc:docMk/>
            <pc:sldMk cId="1594200652" sldId="354"/>
            <ac:cxnSpMk id="102" creationId="{A0F2D219-E162-4BA4-9474-7F19CAEC5380}"/>
          </ac:cxnSpMkLst>
        </pc:cxnChg>
        <pc:cxnChg chg="del mod">
          <ac:chgData name="Muhammad Hami Asma'l ISMAIL" userId="a8660aee-7994-4c5b-bbca-19bd60ee1bac" providerId="ADAL" clId="{54A161F1-2797-4606-A74C-CFFE3B224932}" dt="2020-12-03T01:27:59.328" v="1809" actId="478"/>
          <ac:cxnSpMkLst>
            <pc:docMk/>
            <pc:sldMk cId="1594200652" sldId="354"/>
            <ac:cxnSpMk id="117" creationId="{B0C368CD-3708-469D-BB01-676367FC1DCD}"/>
          </ac:cxnSpMkLst>
        </pc:cxnChg>
        <pc:cxnChg chg="add del mod">
          <ac:chgData name="Muhammad Hami Asma'l ISMAIL" userId="a8660aee-7994-4c5b-bbca-19bd60ee1bac" providerId="ADAL" clId="{54A161F1-2797-4606-A74C-CFFE3B224932}" dt="2020-12-03T01:30:45.748" v="1856" actId="208"/>
          <ac:cxnSpMkLst>
            <pc:docMk/>
            <pc:sldMk cId="1594200652" sldId="354"/>
            <ac:cxnSpMk id="121" creationId="{F4B49903-4AD7-4552-91B1-AAA54CE4499C}"/>
          </ac:cxnSpMkLst>
        </pc:cxnChg>
        <pc:cxnChg chg="del mod">
          <ac:chgData name="Muhammad Hami Asma'l ISMAIL" userId="a8660aee-7994-4c5b-bbca-19bd60ee1bac" providerId="ADAL" clId="{54A161F1-2797-4606-A74C-CFFE3B224932}" dt="2020-12-03T01:36:56.034" v="1963" actId="478"/>
          <ac:cxnSpMkLst>
            <pc:docMk/>
            <pc:sldMk cId="1594200652" sldId="354"/>
            <ac:cxnSpMk id="125" creationId="{ED5C57A7-CB87-46E8-8EE2-62A6F3CAA186}"/>
          </ac:cxnSpMkLst>
        </pc:cxnChg>
        <pc:cxnChg chg="add mod">
          <ac:chgData name="Muhammad Hami Asma'l ISMAIL" userId="a8660aee-7994-4c5b-bbca-19bd60ee1bac" providerId="ADAL" clId="{54A161F1-2797-4606-A74C-CFFE3B224932}" dt="2020-12-03T01:36:24.094" v="1955" actId="14100"/>
          <ac:cxnSpMkLst>
            <pc:docMk/>
            <pc:sldMk cId="1594200652" sldId="354"/>
            <ac:cxnSpMk id="137" creationId="{DE4AC145-B5D4-421F-9ACA-3D8059E3BEB9}"/>
          </ac:cxnSpMkLst>
        </pc:cxnChg>
        <pc:cxnChg chg="add mod">
          <ac:chgData name="Muhammad Hami Asma'l ISMAIL" userId="a8660aee-7994-4c5b-bbca-19bd60ee1bac" providerId="ADAL" clId="{54A161F1-2797-4606-A74C-CFFE3B224932}" dt="2020-12-03T01:31:08.279" v="1859" actId="208"/>
          <ac:cxnSpMkLst>
            <pc:docMk/>
            <pc:sldMk cId="1594200652" sldId="354"/>
            <ac:cxnSpMk id="139" creationId="{99F1F6B8-A10D-42AD-B6CC-BBC3257D96A4}"/>
          </ac:cxnSpMkLst>
        </pc:cxnChg>
        <pc:cxnChg chg="add del">
          <ac:chgData name="Muhammad Hami Asma'l ISMAIL" userId="a8660aee-7994-4c5b-bbca-19bd60ee1bac" providerId="ADAL" clId="{54A161F1-2797-4606-A74C-CFFE3B224932}" dt="2020-12-03T01:30:59.437" v="1858"/>
          <ac:cxnSpMkLst>
            <pc:docMk/>
            <pc:sldMk cId="1594200652" sldId="354"/>
            <ac:cxnSpMk id="143" creationId="{4468B06E-E57C-4B95-AD20-0A57D6CF050C}"/>
          </ac:cxnSpMkLst>
        </pc:cxnChg>
        <pc:cxnChg chg="add mod">
          <ac:chgData name="Muhammad Hami Asma'l ISMAIL" userId="a8660aee-7994-4c5b-bbca-19bd60ee1bac" providerId="ADAL" clId="{54A161F1-2797-4606-A74C-CFFE3B224932}" dt="2020-12-03T01:32:06.927" v="1862" actId="14100"/>
          <ac:cxnSpMkLst>
            <pc:docMk/>
            <pc:sldMk cId="1594200652" sldId="354"/>
            <ac:cxnSpMk id="147" creationId="{842800FB-7021-4D14-A81C-199C44602E32}"/>
          </ac:cxnSpMkLst>
        </pc:cxnChg>
        <pc:cxnChg chg="add mod ord">
          <ac:chgData name="Muhammad Hami Asma'l ISMAIL" userId="a8660aee-7994-4c5b-bbca-19bd60ee1bac" providerId="ADAL" clId="{54A161F1-2797-4606-A74C-CFFE3B224932}" dt="2020-12-07T00:42:14.526" v="2308" actId="1076"/>
          <ac:cxnSpMkLst>
            <pc:docMk/>
            <pc:sldMk cId="1594200652" sldId="354"/>
            <ac:cxnSpMk id="151" creationId="{7931E49E-149C-4218-BF6E-272CC53C6342}"/>
          </ac:cxnSpMkLst>
        </pc:cxnChg>
      </pc:sldChg>
    </pc:docChg>
  </pc:docChgLst>
  <pc:docChgLst>
    <pc:chgData name="Muhammad Hami Asma'l ISMAIL" userId="a8660aee-7994-4c5b-bbca-19bd60ee1bac" providerId="ADAL" clId="{B27A35D8-9177-42CA-8498-80B4504FAB7A}"/>
    <pc:docChg chg="undo redo custSel addSld delSld modSld sldOrd">
      <pc:chgData name="Muhammad Hami Asma'l ISMAIL" userId="a8660aee-7994-4c5b-bbca-19bd60ee1bac" providerId="ADAL" clId="{B27A35D8-9177-42CA-8498-80B4504FAB7A}" dt="2020-12-02T02:50:56.010" v="4177" actId="2696"/>
      <pc:docMkLst>
        <pc:docMk/>
      </pc:docMkLst>
      <pc:sldChg chg="del">
        <pc:chgData name="Muhammad Hami Asma'l ISMAIL" userId="a8660aee-7994-4c5b-bbca-19bd60ee1bac" providerId="ADAL" clId="{B27A35D8-9177-42CA-8498-80B4504FAB7A}" dt="2020-12-02T02:48:32.100" v="4173" actId="2696"/>
        <pc:sldMkLst>
          <pc:docMk/>
          <pc:sldMk cId="313758320" sldId="257"/>
        </pc:sldMkLst>
      </pc:sldChg>
      <pc:sldChg chg="del">
        <pc:chgData name="Muhammad Hami Asma'l ISMAIL" userId="a8660aee-7994-4c5b-bbca-19bd60ee1bac" providerId="ADAL" clId="{B27A35D8-9177-42CA-8498-80B4504FAB7A}" dt="2020-12-02T02:48:32.188" v="4174" actId="2696"/>
        <pc:sldMkLst>
          <pc:docMk/>
          <pc:sldMk cId="212682184" sldId="258"/>
        </pc:sldMkLst>
      </pc:sldChg>
      <pc:sldChg chg="del">
        <pc:chgData name="Muhammad Hami Asma'l ISMAIL" userId="a8660aee-7994-4c5b-bbca-19bd60ee1bac" providerId="ADAL" clId="{B27A35D8-9177-42CA-8498-80B4504FAB7A}" dt="2020-12-02T02:48:32.221" v="4175" actId="2696"/>
        <pc:sldMkLst>
          <pc:docMk/>
          <pc:sldMk cId="486176497" sldId="259"/>
        </pc:sldMkLst>
      </pc:sldChg>
      <pc:sldChg chg="delSp modSp">
        <pc:chgData name="Muhammad Hami Asma'l ISMAIL" userId="a8660aee-7994-4c5b-bbca-19bd60ee1bac" providerId="ADAL" clId="{B27A35D8-9177-42CA-8498-80B4504FAB7A}" dt="2020-12-01T13:11:30.114" v="119" actId="20577"/>
        <pc:sldMkLst>
          <pc:docMk/>
          <pc:sldMk cId="3086685074" sldId="270"/>
        </pc:sldMkLst>
        <pc:spChg chg="del">
          <ac:chgData name="Muhammad Hami Asma'l ISMAIL" userId="a8660aee-7994-4c5b-bbca-19bd60ee1bac" providerId="ADAL" clId="{B27A35D8-9177-42CA-8498-80B4504FAB7A}" dt="2020-12-01T13:11:21.332" v="106" actId="478"/>
          <ac:spMkLst>
            <pc:docMk/>
            <pc:sldMk cId="3086685074" sldId="270"/>
            <ac:spMk id="17" creationId="{46673C6C-F4E2-45EA-9333-0F52A6A69329}"/>
          </ac:spMkLst>
        </pc:spChg>
        <pc:spChg chg="mod">
          <ac:chgData name="Muhammad Hami Asma'l ISMAIL" userId="a8660aee-7994-4c5b-bbca-19bd60ee1bac" providerId="ADAL" clId="{B27A35D8-9177-42CA-8498-80B4504FAB7A}" dt="2020-12-01T13:11:14.747" v="104" actId="404"/>
          <ac:spMkLst>
            <pc:docMk/>
            <pc:sldMk cId="3086685074" sldId="270"/>
            <ac:spMk id="21" creationId="{93AEA043-746F-4334-A00A-A4587B060237}"/>
          </ac:spMkLst>
        </pc:spChg>
        <pc:spChg chg="mod">
          <ac:chgData name="Muhammad Hami Asma'l ISMAIL" userId="a8660aee-7994-4c5b-bbca-19bd60ee1bac" providerId="ADAL" clId="{B27A35D8-9177-42CA-8498-80B4504FAB7A}" dt="2020-12-01T13:11:30.114" v="119" actId="20577"/>
          <ac:spMkLst>
            <pc:docMk/>
            <pc:sldMk cId="3086685074" sldId="270"/>
            <ac:spMk id="22" creationId="{7DC83D12-1353-440F-A5DC-1ACD4C118187}"/>
          </ac:spMkLst>
        </pc:spChg>
        <pc:grpChg chg="del">
          <ac:chgData name="Muhammad Hami Asma'l ISMAIL" userId="a8660aee-7994-4c5b-bbca-19bd60ee1bac" providerId="ADAL" clId="{B27A35D8-9177-42CA-8498-80B4504FAB7A}" dt="2020-12-01T13:09:25.401" v="0" actId="478"/>
          <ac:grpSpMkLst>
            <pc:docMk/>
            <pc:sldMk cId="3086685074" sldId="270"/>
            <ac:grpSpMk id="15" creationId="{35AE68D3-9B3D-41EE-ABF0-CCBD535BC4F0}"/>
          </ac:grpSpMkLst>
        </pc:grpChg>
      </pc:sldChg>
      <pc:sldChg chg="delSp modSp">
        <pc:chgData name="Muhammad Hami Asma'l ISMAIL" userId="a8660aee-7994-4c5b-bbca-19bd60ee1bac" providerId="ADAL" clId="{B27A35D8-9177-42CA-8498-80B4504FAB7A}" dt="2020-12-02T00:46:47.796" v="1203" actId="14100"/>
        <pc:sldMkLst>
          <pc:docMk/>
          <pc:sldMk cId="2116302824" sldId="271"/>
        </pc:sldMkLst>
        <pc:spChg chg="mod">
          <ac:chgData name="Muhammad Hami Asma'l ISMAIL" userId="a8660aee-7994-4c5b-bbca-19bd60ee1bac" providerId="ADAL" clId="{B27A35D8-9177-42CA-8498-80B4504FAB7A}" dt="2020-12-02T00:46:47.796" v="1203" actId="14100"/>
          <ac:spMkLst>
            <pc:docMk/>
            <pc:sldMk cId="2116302824" sldId="271"/>
            <ac:spMk id="10" creationId="{22EACE2C-F0BB-4B26-BDA0-E1B66FC049A7}"/>
          </ac:spMkLst>
        </pc:spChg>
        <pc:spChg chg="del mod">
          <ac:chgData name="Muhammad Hami Asma'l ISMAIL" userId="a8660aee-7994-4c5b-bbca-19bd60ee1bac" providerId="ADAL" clId="{B27A35D8-9177-42CA-8498-80B4504FAB7A}" dt="2020-12-02T00:46:32.214" v="1199"/>
          <ac:spMkLst>
            <pc:docMk/>
            <pc:sldMk cId="2116302824" sldId="271"/>
            <ac:spMk id="11" creationId="{DF7CD60F-31E5-47BD-825E-DF5FFB019C06}"/>
          </ac:spMkLst>
        </pc:spChg>
      </pc:sldChg>
      <pc:sldChg chg="del">
        <pc:chgData name="Muhammad Hami Asma'l ISMAIL" userId="a8660aee-7994-4c5b-bbca-19bd60ee1bac" providerId="ADAL" clId="{B27A35D8-9177-42CA-8498-80B4504FAB7A}" dt="2020-12-02T02:48:32.038" v="4171" actId="2696"/>
        <pc:sldMkLst>
          <pc:docMk/>
          <pc:sldMk cId="1956500138" sldId="275"/>
        </pc:sldMkLst>
      </pc:sldChg>
      <pc:sldChg chg="del">
        <pc:chgData name="Muhammad Hami Asma'l ISMAIL" userId="a8660aee-7994-4c5b-bbca-19bd60ee1bac" providerId="ADAL" clId="{B27A35D8-9177-42CA-8498-80B4504FAB7A}" dt="2020-12-02T02:14:18.825" v="2710" actId="2696"/>
        <pc:sldMkLst>
          <pc:docMk/>
          <pc:sldMk cId="3347399745" sldId="276"/>
        </pc:sldMkLst>
      </pc:sldChg>
      <pc:sldChg chg="del">
        <pc:chgData name="Muhammad Hami Asma'l ISMAIL" userId="a8660aee-7994-4c5b-bbca-19bd60ee1bac" providerId="ADAL" clId="{B27A35D8-9177-42CA-8498-80B4504FAB7A}" dt="2020-12-02T01:15:53.510" v="1381" actId="2696"/>
        <pc:sldMkLst>
          <pc:docMk/>
          <pc:sldMk cId="4200000714" sldId="277"/>
        </pc:sldMkLst>
      </pc:sldChg>
      <pc:sldChg chg="modSp">
        <pc:chgData name="Muhammad Hami Asma'l ISMAIL" userId="a8660aee-7994-4c5b-bbca-19bd60ee1bac" providerId="ADAL" clId="{B27A35D8-9177-42CA-8498-80B4504FAB7A}" dt="2020-12-02T01:12:26.121" v="1380" actId="20577"/>
        <pc:sldMkLst>
          <pc:docMk/>
          <pc:sldMk cId="2720491299" sldId="278"/>
        </pc:sldMkLst>
        <pc:spChg chg="mod">
          <ac:chgData name="Muhammad Hami Asma'l ISMAIL" userId="a8660aee-7994-4c5b-bbca-19bd60ee1bac" providerId="ADAL" clId="{B27A35D8-9177-42CA-8498-80B4504FAB7A}" dt="2020-12-02T01:12:26.121" v="1380" actId="20577"/>
          <ac:spMkLst>
            <pc:docMk/>
            <pc:sldMk cId="2720491299" sldId="278"/>
            <ac:spMk id="2" creationId="{206381AD-4C2B-4745-99B1-0BBCE6131A71}"/>
          </ac:spMkLst>
        </pc:spChg>
      </pc:sldChg>
      <pc:sldChg chg="addSp modSp ord setBg">
        <pc:chgData name="Muhammad Hami Asma'l ISMAIL" userId="a8660aee-7994-4c5b-bbca-19bd60ee1bac" providerId="ADAL" clId="{B27A35D8-9177-42CA-8498-80B4504FAB7A}" dt="2020-12-02T02:27:38.639" v="3287"/>
        <pc:sldMkLst>
          <pc:docMk/>
          <pc:sldMk cId="1823802265" sldId="279"/>
        </pc:sldMkLst>
        <pc:spChg chg="mod">
          <ac:chgData name="Muhammad Hami Asma'l ISMAIL" userId="a8660aee-7994-4c5b-bbca-19bd60ee1bac" providerId="ADAL" clId="{B27A35D8-9177-42CA-8498-80B4504FAB7A}" dt="2020-12-02T02:24:47.575" v="3278" actId="20577"/>
          <ac:spMkLst>
            <pc:docMk/>
            <pc:sldMk cId="1823802265" sldId="279"/>
            <ac:spMk id="2" creationId="{206381AD-4C2B-4745-99B1-0BBCE6131A71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3" creationId="{08461215-73BE-40FB-A801-36EFFD46890B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4" creationId="{0D271BF9-713B-41D0-90E0-5CC8311DE6E4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5" creationId="{01E0273A-B459-4CD0-8435-5CF254BFE226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6" creationId="{53E938E4-B903-4E78-890B-D2C0B4A4A281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7" creationId="{B4CBDB40-14D8-445F-AAA2-A37966BF7CB8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8" creationId="{29863FB2-BB9F-4CEE-A775-3AF41CCCB421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9" creationId="{243275C8-BCE5-4258-AD9C-4BE1B63BF8B8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10" creationId="{9455025A-0387-4B0E-A1A6-AC0967700908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11" creationId="{979DF2F2-2AAF-423B-9C1A-E3CA37AC6BBB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12" creationId="{D8FAC203-2011-4453-B617-FFB3DD1E00E9}"/>
          </ac:spMkLst>
        </pc:spChg>
        <pc:spChg chg="mod">
          <ac:chgData name="Muhammad Hami Asma'l ISMAIL" userId="a8660aee-7994-4c5b-bbca-19bd60ee1bac" providerId="ADAL" clId="{B27A35D8-9177-42CA-8498-80B4504FAB7A}" dt="2020-12-02T01:41:18.078" v="2089" actId="1076"/>
          <ac:spMkLst>
            <pc:docMk/>
            <pc:sldMk cId="1823802265" sldId="279"/>
            <ac:spMk id="13" creationId="{314082F2-4BAD-44A6-AF6A-9285015585DB}"/>
          </ac:spMkLst>
        </pc:spChg>
        <pc:spChg chg="mod">
          <ac:chgData name="Muhammad Hami Asma'l ISMAIL" userId="a8660aee-7994-4c5b-bbca-19bd60ee1bac" providerId="ADAL" clId="{B27A35D8-9177-42CA-8498-80B4504FAB7A}" dt="2020-12-02T01:41:24.223" v="2090" actId="1076"/>
          <ac:spMkLst>
            <pc:docMk/>
            <pc:sldMk cId="1823802265" sldId="279"/>
            <ac:spMk id="14" creationId="{A01A7B38-9CD0-43B0-BBE2-116116D27F63}"/>
          </ac:spMkLst>
        </pc:spChg>
        <pc:spChg chg="mod">
          <ac:chgData name="Muhammad Hami Asma'l ISMAIL" userId="a8660aee-7994-4c5b-bbca-19bd60ee1bac" providerId="ADAL" clId="{B27A35D8-9177-42CA-8498-80B4504FAB7A}" dt="2020-12-02T01:41:28.191" v="2091" actId="1076"/>
          <ac:spMkLst>
            <pc:docMk/>
            <pc:sldMk cId="1823802265" sldId="279"/>
            <ac:spMk id="15" creationId="{CF0B5A58-2E50-4E36-9C18-683C49ADB133}"/>
          </ac:spMkLst>
        </pc:spChg>
        <pc:spChg chg="mod">
          <ac:chgData name="Muhammad Hami Asma'l ISMAIL" userId="a8660aee-7994-4c5b-bbca-19bd60ee1bac" providerId="ADAL" clId="{B27A35D8-9177-42CA-8498-80B4504FAB7A}" dt="2020-12-02T01:40:29.183" v="2066" actId="1037"/>
          <ac:spMkLst>
            <pc:docMk/>
            <pc:sldMk cId="1823802265" sldId="279"/>
            <ac:spMk id="16" creationId="{92B1FE9C-E64F-4162-9D3C-92C1C5F8837A}"/>
          </ac:spMkLst>
        </pc:spChg>
        <pc:spChg chg="mod">
          <ac:chgData name="Muhammad Hami Asma'l ISMAIL" userId="a8660aee-7994-4c5b-bbca-19bd60ee1bac" providerId="ADAL" clId="{B27A35D8-9177-42CA-8498-80B4504FAB7A}" dt="2020-12-02T01:40:25.961" v="2065" actId="1036"/>
          <ac:spMkLst>
            <pc:docMk/>
            <pc:sldMk cId="1823802265" sldId="279"/>
            <ac:spMk id="17" creationId="{1A8D21A9-00CE-4E72-9FA0-C8F67A52636E}"/>
          </ac:spMkLst>
        </pc:spChg>
        <pc:spChg chg="mod">
          <ac:chgData name="Muhammad Hami Asma'l ISMAIL" userId="a8660aee-7994-4c5b-bbca-19bd60ee1bac" providerId="ADAL" clId="{B27A35D8-9177-42CA-8498-80B4504FAB7A}" dt="2020-12-02T01:58:16.339" v="2568" actId="207"/>
          <ac:spMkLst>
            <pc:docMk/>
            <pc:sldMk cId="1823802265" sldId="279"/>
            <ac:spMk id="18" creationId="{EE8AC5A9-0842-4658-BC2E-35021DD23B42}"/>
          </ac:spMkLst>
        </pc:spChg>
        <pc:spChg chg="mod">
          <ac:chgData name="Muhammad Hami Asma'l ISMAIL" userId="a8660aee-7994-4c5b-bbca-19bd60ee1bac" providerId="ADAL" clId="{B27A35D8-9177-42CA-8498-80B4504FAB7A}" dt="2020-12-02T01:58:13.771" v="2567" actId="207"/>
          <ac:spMkLst>
            <pc:docMk/>
            <pc:sldMk cId="1823802265" sldId="279"/>
            <ac:spMk id="19" creationId="{AE0F4336-1E53-4C94-B9F9-64022E9A4E9B}"/>
          </ac:spMkLst>
        </pc:spChg>
        <pc:spChg chg="mod">
          <ac:chgData name="Muhammad Hami Asma'l ISMAIL" userId="a8660aee-7994-4c5b-bbca-19bd60ee1bac" providerId="ADAL" clId="{B27A35D8-9177-42CA-8498-80B4504FAB7A}" dt="2020-12-02T01:58:11.498" v="2566" actId="207"/>
          <ac:spMkLst>
            <pc:docMk/>
            <pc:sldMk cId="1823802265" sldId="279"/>
            <ac:spMk id="20" creationId="{E7FBB3F7-71B3-4ED7-A2C7-0F40D26452D1}"/>
          </ac:spMkLst>
        </pc:spChg>
        <pc:spChg chg="mod">
          <ac:chgData name="Muhammad Hami Asma'l ISMAIL" userId="a8660aee-7994-4c5b-bbca-19bd60ee1bac" providerId="ADAL" clId="{B27A35D8-9177-42CA-8498-80B4504FAB7A}" dt="2020-12-02T01:58:04.136" v="2564" actId="207"/>
          <ac:spMkLst>
            <pc:docMk/>
            <pc:sldMk cId="1823802265" sldId="279"/>
            <ac:spMk id="21" creationId="{278DCFBA-B190-45F7-864C-F7236E8FB0CA}"/>
          </ac:spMkLst>
        </pc:spChg>
        <pc:spChg chg="mod">
          <ac:chgData name="Muhammad Hami Asma'l ISMAIL" userId="a8660aee-7994-4c5b-bbca-19bd60ee1bac" providerId="ADAL" clId="{B27A35D8-9177-42CA-8498-80B4504FAB7A}" dt="2020-12-02T01:58:08.998" v="2565" actId="207"/>
          <ac:spMkLst>
            <pc:docMk/>
            <pc:sldMk cId="1823802265" sldId="279"/>
            <ac:spMk id="22" creationId="{E4162DC6-D6E9-4575-BF0F-203D44212D11}"/>
          </ac:spMkLst>
        </pc:spChg>
        <pc:spChg chg="mod">
          <ac:chgData name="Muhammad Hami Asma'l ISMAIL" userId="a8660aee-7994-4c5b-bbca-19bd60ee1bac" providerId="ADAL" clId="{B27A35D8-9177-42CA-8498-80B4504FAB7A}" dt="2020-12-02T01:39:48.701" v="2047" actId="403"/>
          <ac:spMkLst>
            <pc:docMk/>
            <pc:sldMk cId="1823802265" sldId="279"/>
            <ac:spMk id="23" creationId="{9C8782A6-734F-4E51-B4AC-17F9504BFA5B}"/>
          </ac:spMkLst>
        </pc:spChg>
        <pc:spChg chg="add mod ord">
          <ac:chgData name="Muhammad Hami Asma'l ISMAIL" userId="a8660aee-7994-4c5b-bbca-19bd60ee1bac" providerId="ADAL" clId="{B27A35D8-9177-42CA-8498-80B4504FAB7A}" dt="2020-12-02T01:56:11.436" v="2538" actId="14100"/>
          <ac:spMkLst>
            <pc:docMk/>
            <pc:sldMk cId="1823802265" sldId="279"/>
            <ac:spMk id="24" creationId="{67003F9F-EAC8-463B-A224-013BDD63AF08}"/>
          </ac:spMkLst>
        </pc:spChg>
      </pc:sldChg>
      <pc:sldChg chg="del ord">
        <pc:chgData name="Muhammad Hami Asma'l ISMAIL" userId="a8660aee-7994-4c5b-bbca-19bd60ee1bac" providerId="ADAL" clId="{B27A35D8-9177-42CA-8498-80B4504FAB7A}" dt="2020-12-02T02:13:22.286" v="2695" actId="2696"/>
        <pc:sldMkLst>
          <pc:docMk/>
          <pc:sldMk cId="349901301" sldId="280"/>
        </pc:sldMkLst>
      </pc:sldChg>
      <pc:sldChg chg="modSp ord">
        <pc:chgData name="Muhammad Hami Asma'l ISMAIL" userId="a8660aee-7994-4c5b-bbca-19bd60ee1bac" providerId="ADAL" clId="{B27A35D8-9177-42CA-8498-80B4504FAB7A}" dt="2020-12-02T02:35:31.772" v="3649" actId="20577"/>
        <pc:sldMkLst>
          <pc:docMk/>
          <pc:sldMk cId="2241350302" sldId="281"/>
        </pc:sldMkLst>
        <pc:spChg chg="mod">
          <ac:chgData name="Muhammad Hami Asma'l ISMAIL" userId="a8660aee-7994-4c5b-bbca-19bd60ee1bac" providerId="ADAL" clId="{B27A35D8-9177-42CA-8498-80B4504FAB7A}" dt="2020-12-02T02:35:14.342" v="3615"/>
          <ac:spMkLst>
            <pc:docMk/>
            <pc:sldMk cId="2241350302" sldId="281"/>
            <ac:spMk id="5" creationId="{C6529840-06F4-4205-9C67-82E92D557453}"/>
          </ac:spMkLst>
        </pc:spChg>
        <pc:spChg chg="mod">
          <ac:chgData name="Muhammad Hami Asma'l ISMAIL" userId="a8660aee-7994-4c5b-bbca-19bd60ee1bac" providerId="ADAL" clId="{B27A35D8-9177-42CA-8498-80B4504FAB7A}" dt="2020-12-02T02:35:18.628" v="3616"/>
          <ac:spMkLst>
            <pc:docMk/>
            <pc:sldMk cId="2241350302" sldId="281"/>
            <ac:spMk id="6" creationId="{5F7B91C6-F41D-4522-99E7-68D24954BA22}"/>
          </ac:spMkLst>
        </pc:spChg>
        <pc:spChg chg="mod">
          <ac:chgData name="Muhammad Hami Asma'l ISMAIL" userId="a8660aee-7994-4c5b-bbca-19bd60ee1bac" providerId="ADAL" clId="{B27A35D8-9177-42CA-8498-80B4504FAB7A}" dt="2020-12-02T02:31:39.214" v="3463" actId="20577"/>
          <ac:spMkLst>
            <pc:docMk/>
            <pc:sldMk cId="2241350302" sldId="281"/>
            <ac:spMk id="11" creationId="{16B999AF-AD38-492F-ADD7-B8ACCC68292B}"/>
          </ac:spMkLst>
        </pc:spChg>
        <pc:spChg chg="mod">
          <ac:chgData name="Muhammad Hami Asma'l ISMAIL" userId="a8660aee-7994-4c5b-bbca-19bd60ee1bac" providerId="ADAL" clId="{B27A35D8-9177-42CA-8498-80B4504FAB7A}" dt="2020-12-02T02:33:00.771" v="3498"/>
          <ac:spMkLst>
            <pc:docMk/>
            <pc:sldMk cId="2241350302" sldId="281"/>
            <ac:spMk id="12" creationId="{46FE65E0-C83B-49FE-A097-74C60F79CC69}"/>
          </ac:spMkLst>
        </pc:spChg>
        <pc:spChg chg="mod">
          <ac:chgData name="Muhammad Hami Asma'l ISMAIL" userId="a8660aee-7994-4c5b-bbca-19bd60ee1bac" providerId="ADAL" clId="{B27A35D8-9177-42CA-8498-80B4504FAB7A}" dt="2020-12-02T02:35:09.054" v="3614"/>
          <ac:spMkLst>
            <pc:docMk/>
            <pc:sldMk cId="2241350302" sldId="281"/>
            <ac:spMk id="16" creationId="{0217EC30-FAF4-4BEF-8D30-052BAAE76070}"/>
          </ac:spMkLst>
        </pc:spChg>
        <pc:spChg chg="mod">
          <ac:chgData name="Muhammad Hami Asma'l ISMAIL" userId="a8660aee-7994-4c5b-bbca-19bd60ee1bac" providerId="ADAL" clId="{B27A35D8-9177-42CA-8498-80B4504FAB7A}" dt="2020-12-02T02:35:03.181" v="3613"/>
          <ac:spMkLst>
            <pc:docMk/>
            <pc:sldMk cId="2241350302" sldId="281"/>
            <ac:spMk id="17" creationId="{F1424E76-DB0B-44E0-951A-219996937979}"/>
          </ac:spMkLst>
        </pc:spChg>
        <pc:spChg chg="mod">
          <ac:chgData name="Muhammad Hami Asma'l ISMAIL" userId="a8660aee-7994-4c5b-bbca-19bd60ee1bac" providerId="ADAL" clId="{B27A35D8-9177-42CA-8498-80B4504FAB7A}" dt="2020-12-02T02:30:53.167" v="3401" actId="20577"/>
          <ac:spMkLst>
            <pc:docMk/>
            <pc:sldMk cId="2241350302" sldId="281"/>
            <ac:spMk id="21" creationId="{D5DFB5B5-FA64-4BEE-B753-0656AB389907}"/>
          </ac:spMkLst>
        </pc:spChg>
        <pc:spChg chg="mod">
          <ac:chgData name="Muhammad Hami Asma'l ISMAIL" userId="a8660aee-7994-4c5b-bbca-19bd60ee1bac" providerId="ADAL" clId="{B27A35D8-9177-42CA-8498-80B4504FAB7A}" dt="2020-12-02T02:32:41.862" v="3496"/>
          <ac:spMkLst>
            <pc:docMk/>
            <pc:sldMk cId="2241350302" sldId="281"/>
            <ac:spMk id="22" creationId="{D6C24BE7-F4B7-4B22-90D0-D58085FC6A1F}"/>
          </ac:spMkLst>
        </pc:spChg>
        <pc:spChg chg="mod">
          <ac:chgData name="Muhammad Hami Asma'l ISMAIL" userId="a8660aee-7994-4c5b-bbca-19bd60ee1bac" providerId="ADAL" clId="{B27A35D8-9177-42CA-8498-80B4504FAB7A}" dt="2020-12-02T02:35:24.698" v="3623" actId="20577"/>
          <ac:spMkLst>
            <pc:docMk/>
            <pc:sldMk cId="2241350302" sldId="281"/>
            <ac:spMk id="26" creationId="{9A0429A5-1862-442C-8D18-0BA19DD329D4}"/>
          </ac:spMkLst>
        </pc:spChg>
        <pc:spChg chg="mod">
          <ac:chgData name="Muhammad Hami Asma'l ISMAIL" userId="a8660aee-7994-4c5b-bbca-19bd60ee1bac" providerId="ADAL" clId="{B27A35D8-9177-42CA-8498-80B4504FAB7A}" dt="2020-12-02T02:35:31.772" v="3649" actId="20577"/>
          <ac:spMkLst>
            <pc:docMk/>
            <pc:sldMk cId="2241350302" sldId="281"/>
            <ac:spMk id="27" creationId="{1922E9A4-E343-4B40-B83F-48C3AC84D9C8}"/>
          </ac:spMkLst>
        </pc:spChg>
        <pc:spChg chg="mod">
          <ac:chgData name="Muhammad Hami Asma'l ISMAIL" userId="a8660aee-7994-4c5b-bbca-19bd60ee1bac" providerId="ADAL" clId="{B27A35D8-9177-42CA-8498-80B4504FAB7A}" dt="2020-12-02T02:34:11.748" v="3612" actId="20577"/>
          <ac:spMkLst>
            <pc:docMk/>
            <pc:sldMk cId="2241350302" sldId="281"/>
            <ac:spMk id="30" creationId="{CA153A9F-2C4A-45AC-A502-A09FD356C802}"/>
          </ac:spMkLst>
        </pc:spChg>
        <pc:grpChg chg="mod">
          <ac:chgData name="Muhammad Hami Asma'l ISMAIL" userId="a8660aee-7994-4c5b-bbca-19bd60ee1bac" providerId="ADAL" clId="{B27A35D8-9177-42CA-8498-80B4504FAB7A}" dt="2020-12-02T02:35:18.628" v="3616"/>
          <ac:grpSpMkLst>
            <pc:docMk/>
            <pc:sldMk cId="2241350302" sldId="281"/>
            <ac:grpSpMk id="7" creationId="{69F86E72-D65A-4618-931B-E420DE1A40F4}"/>
          </ac:grpSpMkLst>
        </pc:grpChg>
        <pc:grpChg chg="mod">
          <ac:chgData name="Muhammad Hami Asma'l ISMAIL" userId="a8660aee-7994-4c5b-bbca-19bd60ee1bac" providerId="ADAL" clId="{B27A35D8-9177-42CA-8498-80B4504FAB7A}" dt="2020-12-02T02:33:00.771" v="3498"/>
          <ac:grpSpMkLst>
            <pc:docMk/>
            <pc:sldMk cId="2241350302" sldId="281"/>
            <ac:grpSpMk id="8" creationId="{1084E826-761C-4980-9B99-1CF80CB73AD0}"/>
          </ac:grpSpMkLst>
        </pc:grpChg>
        <pc:grpChg chg="mod">
          <ac:chgData name="Muhammad Hami Asma'l ISMAIL" userId="a8660aee-7994-4c5b-bbca-19bd60ee1bac" providerId="ADAL" clId="{B27A35D8-9177-42CA-8498-80B4504FAB7A}" dt="2020-12-02T02:35:03.181" v="3613"/>
          <ac:grpSpMkLst>
            <pc:docMk/>
            <pc:sldMk cId="2241350302" sldId="281"/>
            <ac:grpSpMk id="13" creationId="{F9A5B5C5-70DB-40D6-8159-0733660FD818}"/>
          </ac:grpSpMkLst>
        </pc:grpChg>
        <pc:grpChg chg="mod">
          <ac:chgData name="Muhammad Hami Asma'l ISMAIL" userId="a8660aee-7994-4c5b-bbca-19bd60ee1bac" providerId="ADAL" clId="{B27A35D8-9177-42CA-8498-80B4504FAB7A}" dt="2020-12-02T02:32:41.862" v="3496"/>
          <ac:grpSpMkLst>
            <pc:docMk/>
            <pc:sldMk cId="2241350302" sldId="281"/>
            <ac:grpSpMk id="18" creationId="{E6AAE7A2-6345-41B3-81CB-7B027A0DD739}"/>
          </ac:grpSpMkLst>
        </pc:grpChg>
        <pc:grpChg chg="mod">
          <ac:chgData name="Muhammad Hami Asma'l ISMAIL" userId="a8660aee-7994-4c5b-bbca-19bd60ee1bac" providerId="ADAL" clId="{B27A35D8-9177-42CA-8498-80B4504FAB7A}" dt="2020-12-02T02:35:18.628" v="3616"/>
          <ac:grpSpMkLst>
            <pc:docMk/>
            <pc:sldMk cId="2241350302" sldId="281"/>
            <ac:grpSpMk id="28" creationId="{5885998A-6041-49BE-90FA-586136FDB22E}"/>
          </ac:grpSpMkLst>
        </pc:grpChg>
        <pc:grpChg chg="mod">
          <ac:chgData name="Muhammad Hami Asma'l ISMAIL" userId="a8660aee-7994-4c5b-bbca-19bd60ee1bac" providerId="ADAL" clId="{B27A35D8-9177-42CA-8498-80B4504FAB7A}" dt="2020-12-02T02:35:03.181" v="3613"/>
          <ac:grpSpMkLst>
            <pc:docMk/>
            <pc:sldMk cId="2241350302" sldId="281"/>
            <ac:grpSpMk id="29" creationId="{A352E615-AF19-4E1B-B7D5-05E689EC3B54}"/>
          </ac:grpSpMkLst>
        </pc:grpChg>
      </pc:sldChg>
      <pc:sldChg chg="del">
        <pc:chgData name="Muhammad Hami Asma'l ISMAIL" userId="a8660aee-7994-4c5b-bbca-19bd60ee1bac" providerId="ADAL" clId="{B27A35D8-9177-42CA-8498-80B4504FAB7A}" dt="2020-12-02T02:11:25.961" v="2680" actId="2696"/>
        <pc:sldMkLst>
          <pc:docMk/>
          <pc:sldMk cId="4169082968" sldId="282"/>
        </pc:sldMkLst>
      </pc:sldChg>
      <pc:sldChg chg="del">
        <pc:chgData name="Muhammad Hami Asma'l ISMAIL" userId="a8660aee-7994-4c5b-bbca-19bd60ee1bac" providerId="ADAL" clId="{B27A35D8-9177-42CA-8498-80B4504FAB7A}" dt="2020-12-02T02:11:33.041" v="2681" actId="2696"/>
        <pc:sldMkLst>
          <pc:docMk/>
          <pc:sldMk cId="2300285390" sldId="283"/>
        </pc:sldMkLst>
      </pc:sldChg>
      <pc:sldChg chg="addSp delSp modSp">
        <pc:chgData name="Muhammad Hami Asma'l ISMAIL" userId="a8660aee-7994-4c5b-bbca-19bd60ee1bac" providerId="ADAL" clId="{B27A35D8-9177-42CA-8498-80B4504FAB7A}" dt="2020-12-02T01:55:44.890" v="2532"/>
        <pc:sldMkLst>
          <pc:docMk/>
          <pc:sldMk cId="2236049700" sldId="284"/>
        </pc:sldMkLst>
        <pc:spChg chg="mod">
          <ac:chgData name="Muhammad Hami Asma'l ISMAIL" userId="a8660aee-7994-4c5b-bbca-19bd60ee1bac" providerId="ADAL" clId="{B27A35D8-9177-42CA-8498-80B4504FAB7A}" dt="2020-12-02T01:36:03.965" v="1984" actId="1076"/>
          <ac:spMkLst>
            <pc:docMk/>
            <pc:sldMk cId="2236049700" sldId="284"/>
            <ac:spMk id="19" creationId="{FC18A593-ECF3-4E92-9EF2-602A60375A09}"/>
          </ac:spMkLst>
        </pc:spChg>
        <pc:spChg chg="mod">
          <ac:chgData name="Muhammad Hami Asma'l ISMAIL" userId="a8660aee-7994-4c5b-bbca-19bd60ee1bac" providerId="ADAL" clId="{B27A35D8-9177-42CA-8498-80B4504FAB7A}" dt="2020-12-02T01:25:52.609" v="1542" actId="404"/>
          <ac:spMkLst>
            <pc:docMk/>
            <pc:sldMk cId="2236049700" sldId="284"/>
            <ac:spMk id="21" creationId="{3237072D-EA0A-4A85-8662-CCACF8FC4125}"/>
          </ac:spMkLst>
        </pc:spChg>
        <pc:spChg chg="mod">
          <ac:chgData name="Muhammad Hami Asma'l ISMAIL" userId="a8660aee-7994-4c5b-bbca-19bd60ee1bac" providerId="ADAL" clId="{B27A35D8-9177-42CA-8498-80B4504FAB7A}" dt="2020-12-02T01:48:28.967" v="2451" actId="20577"/>
          <ac:spMkLst>
            <pc:docMk/>
            <pc:sldMk cId="2236049700" sldId="284"/>
            <ac:spMk id="22" creationId="{42937101-C539-492B-81E3-7F9CBE9A0A06}"/>
          </ac:spMkLst>
        </pc:spChg>
        <pc:spChg chg="mod">
          <ac:chgData name="Muhammad Hami Asma'l ISMAIL" userId="a8660aee-7994-4c5b-bbca-19bd60ee1bac" providerId="ADAL" clId="{B27A35D8-9177-42CA-8498-80B4504FAB7A}" dt="2020-12-02T01:26:02.175" v="1544" actId="1076"/>
          <ac:spMkLst>
            <pc:docMk/>
            <pc:sldMk cId="2236049700" sldId="284"/>
            <ac:spMk id="23" creationId="{1789951B-B1B6-4349-9D17-20E5DC324838}"/>
          </ac:spMkLst>
        </pc:spChg>
        <pc:spChg chg="mod">
          <ac:chgData name="Muhammad Hami Asma'l ISMAIL" userId="a8660aee-7994-4c5b-bbca-19bd60ee1bac" providerId="ADAL" clId="{B27A35D8-9177-42CA-8498-80B4504FAB7A}" dt="2020-12-02T01:30:40.498" v="1618" actId="1076"/>
          <ac:spMkLst>
            <pc:docMk/>
            <pc:sldMk cId="2236049700" sldId="284"/>
            <ac:spMk id="24" creationId="{A08E7E78-07F8-4FB7-B7AF-ECEF4F7DF126}"/>
          </ac:spMkLst>
        </pc:spChg>
        <pc:spChg chg="mod">
          <ac:chgData name="Muhammad Hami Asma'l ISMAIL" userId="a8660aee-7994-4c5b-bbca-19bd60ee1bac" providerId="ADAL" clId="{B27A35D8-9177-42CA-8498-80B4504FAB7A}" dt="2020-12-02T01:28:18.162" v="1582" actId="20577"/>
          <ac:spMkLst>
            <pc:docMk/>
            <pc:sldMk cId="2236049700" sldId="284"/>
            <ac:spMk id="25" creationId="{EC5897CB-6845-4EE8-BDC0-C73C7F25E6D9}"/>
          </ac:spMkLst>
        </pc:spChg>
        <pc:spChg chg="mod">
          <ac:chgData name="Muhammad Hami Asma'l ISMAIL" userId="a8660aee-7994-4c5b-bbca-19bd60ee1bac" providerId="ADAL" clId="{B27A35D8-9177-42CA-8498-80B4504FAB7A}" dt="2020-12-02T01:35:35.270" v="1980" actId="123"/>
          <ac:spMkLst>
            <pc:docMk/>
            <pc:sldMk cId="2236049700" sldId="284"/>
            <ac:spMk id="27" creationId="{56CC3398-A277-4A9B-98EB-21694AC69F21}"/>
          </ac:spMkLst>
        </pc:spChg>
        <pc:spChg chg="mod">
          <ac:chgData name="Muhammad Hami Asma'l ISMAIL" userId="a8660aee-7994-4c5b-bbca-19bd60ee1bac" providerId="ADAL" clId="{B27A35D8-9177-42CA-8498-80B4504FAB7A}" dt="2020-12-02T01:35:39.135" v="1981" actId="122"/>
          <ac:spMkLst>
            <pc:docMk/>
            <pc:sldMk cId="2236049700" sldId="284"/>
            <ac:spMk id="28" creationId="{F6C189DE-6D10-48E4-94AE-D82D5EE4D28F}"/>
          </ac:spMkLst>
        </pc:spChg>
        <pc:spChg chg="mod">
          <ac:chgData name="Muhammad Hami Asma'l ISMAIL" userId="a8660aee-7994-4c5b-bbca-19bd60ee1bac" providerId="ADAL" clId="{B27A35D8-9177-42CA-8498-80B4504FAB7A}" dt="2020-12-02T01:35:30.796" v="1979" actId="123"/>
          <ac:spMkLst>
            <pc:docMk/>
            <pc:sldMk cId="2236049700" sldId="284"/>
            <ac:spMk id="30" creationId="{CCC050DF-7539-4970-ADFC-0A936A03F9B8}"/>
          </ac:spMkLst>
        </pc:spChg>
        <pc:spChg chg="mod">
          <ac:chgData name="Muhammad Hami Asma'l ISMAIL" userId="a8660aee-7994-4c5b-bbca-19bd60ee1bac" providerId="ADAL" clId="{B27A35D8-9177-42CA-8498-80B4504FAB7A}" dt="2020-12-02T01:35:42.226" v="1982" actId="122"/>
          <ac:spMkLst>
            <pc:docMk/>
            <pc:sldMk cId="2236049700" sldId="284"/>
            <ac:spMk id="31" creationId="{CFFEF473-37B1-48A4-B1EB-9E6463D4BB23}"/>
          </ac:spMkLst>
        </pc:spChg>
        <pc:spChg chg="mod">
          <ac:chgData name="Muhammad Hami Asma'l ISMAIL" userId="a8660aee-7994-4c5b-bbca-19bd60ee1bac" providerId="ADAL" clId="{B27A35D8-9177-42CA-8498-80B4504FAB7A}" dt="2020-12-02T01:23:34.402" v="1513" actId="1076"/>
          <ac:spMkLst>
            <pc:docMk/>
            <pc:sldMk cId="2236049700" sldId="284"/>
            <ac:spMk id="32" creationId="{D3D5DD2F-03B9-4451-BD92-02FB72360C04}"/>
          </ac:spMkLst>
        </pc:spChg>
        <pc:spChg chg="add del ord">
          <ac:chgData name="Muhammad Hami Asma'l ISMAIL" userId="a8660aee-7994-4c5b-bbca-19bd60ee1bac" providerId="ADAL" clId="{B27A35D8-9177-42CA-8498-80B4504FAB7A}" dt="2020-12-02T01:55:44.890" v="2532"/>
          <ac:spMkLst>
            <pc:docMk/>
            <pc:sldMk cId="2236049700" sldId="284"/>
            <ac:spMk id="37" creationId="{38535A19-C2EE-47E1-87A5-0E8E50C1F509}"/>
          </ac:spMkLst>
        </pc:spChg>
        <pc:grpChg chg="mod">
          <ac:chgData name="Muhammad Hami Asma'l ISMAIL" userId="a8660aee-7994-4c5b-bbca-19bd60ee1bac" providerId="ADAL" clId="{B27A35D8-9177-42CA-8498-80B4504FAB7A}" dt="2020-12-02T01:30:30.945" v="1617" actId="1076"/>
          <ac:grpSpMkLst>
            <pc:docMk/>
            <pc:sldMk cId="2236049700" sldId="284"/>
            <ac:grpSpMk id="26" creationId="{9EC9908C-F377-4620-A71C-7D5AF49E1042}"/>
          </ac:grpSpMkLst>
        </pc:grpChg>
        <pc:grpChg chg="mod">
          <ac:chgData name="Muhammad Hami Asma'l ISMAIL" userId="a8660aee-7994-4c5b-bbca-19bd60ee1bac" providerId="ADAL" clId="{B27A35D8-9177-42CA-8498-80B4504FAB7A}" dt="2020-12-02T01:30:30.945" v="1617" actId="1076"/>
          <ac:grpSpMkLst>
            <pc:docMk/>
            <pc:sldMk cId="2236049700" sldId="284"/>
            <ac:grpSpMk id="29" creationId="{DD9E099D-A16D-498A-8E37-18A751FEB3AB}"/>
          </ac:grpSpMkLst>
        </pc:grpChg>
        <pc:picChg chg="add mod ord">
          <ac:chgData name="Muhammad Hami Asma'l ISMAIL" userId="a8660aee-7994-4c5b-bbca-19bd60ee1bac" providerId="ADAL" clId="{B27A35D8-9177-42CA-8498-80B4504FAB7A}" dt="2020-12-02T01:29:14.870" v="1594" actId="14100"/>
          <ac:picMkLst>
            <pc:docMk/>
            <pc:sldMk cId="2236049700" sldId="284"/>
            <ac:picMk id="33" creationId="{ADE4AA60-FC25-4219-AFF4-E05121840BA6}"/>
          </ac:picMkLst>
        </pc:picChg>
        <pc:picChg chg="add mod ord">
          <ac:chgData name="Muhammad Hami Asma'l ISMAIL" userId="a8660aee-7994-4c5b-bbca-19bd60ee1bac" providerId="ADAL" clId="{B27A35D8-9177-42CA-8498-80B4504FAB7A}" dt="2020-12-02T01:29:11.702" v="1592" actId="1076"/>
          <ac:picMkLst>
            <pc:docMk/>
            <pc:sldMk cId="2236049700" sldId="284"/>
            <ac:picMk id="34" creationId="{399F2521-F48C-43F7-944C-41CBA5AE8FE8}"/>
          </ac:picMkLst>
        </pc:picChg>
        <pc:picChg chg="add mod ord">
          <ac:chgData name="Muhammad Hami Asma'l ISMAIL" userId="a8660aee-7994-4c5b-bbca-19bd60ee1bac" providerId="ADAL" clId="{B27A35D8-9177-42CA-8498-80B4504FAB7A}" dt="2020-12-02T01:29:18.808" v="1596" actId="1076"/>
          <ac:picMkLst>
            <pc:docMk/>
            <pc:sldMk cId="2236049700" sldId="284"/>
            <ac:picMk id="35" creationId="{EB0FDF72-2327-4AC0-BB45-DCABB929249B}"/>
          </ac:picMkLst>
        </pc:picChg>
        <pc:picChg chg="add mod ord">
          <ac:chgData name="Muhammad Hami Asma'l ISMAIL" userId="a8660aee-7994-4c5b-bbca-19bd60ee1bac" providerId="ADAL" clId="{B27A35D8-9177-42CA-8498-80B4504FAB7A}" dt="2020-12-02T01:29:20.143" v="1597" actId="1076"/>
          <ac:picMkLst>
            <pc:docMk/>
            <pc:sldMk cId="2236049700" sldId="284"/>
            <ac:picMk id="36" creationId="{8FAA1C76-40B3-43DE-B065-F9022BB125AE}"/>
          </ac:picMkLst>
        </pc:picChg>
      </pc:sldChg>
      <pc:sldChg chg="del ord">
        <pc:chgData name="Muhammad Hami Asma'l ISMAIL" userId="a8660aee-7994-4c5b-bbca-19bd60ee1bac" providerId="ADAL" clId="{B27A35D8-9177-42CA-8498-80B4504FAB7A}" dt="2020-12-02T02:14:47.781" v="2719" actId="2696"/>
        <pc:sldMkLst>
          <pc:docMk/>
          <pc:sldMk cId="3265416263" sldId="285"/>
        </pc:sldMkLst>
      </pc:sldChg>
      <pc:sldChg chg="modSp del">
        <pc:chgData name="Muhammad Hami Asma'l ISMAIL" userId="a8660aee-7994-4c5b-bbca-19bd60ee1bac" providerId="ADAL" clId="{B27A35D8-9177-42CA-8498-80B4504FAB7A}" dt="2020-12-02T02:14:49.987" v="2720" actId="2696"/>
        <pc:sldMkLst>
          <pc:docMk/>
          <pc:sldMk cId="4087399440" sldId="286"/>
        </pc:sldMkLst>
        <pc:spChg chg="mod">
          <ac:chgData name="Muhammad Hami Asma'l ISMAIL" userId="a8660aee-7994-4c5b-bbca-19bd60ee1bac" providerId="ADAL" clId="{B27A35D8-9177-42CA-8498-80B4504FAB7A}" dt="2020-12-01T13:34:51.987" v="490" actId="1076"/>
          <ac:spMkLst>
            <pc:docMk/>
            <pc:sldMk cId="4087399440" sldId="286"/>
            <ac:spMk id="39" creationId="{1CB5A3C3-1864-4C6C-AB09-444F34A58845}"/>
          </ac:spMkLst>
        </pc:spChg>
      </pc:sldChg>
      <pc:sldChg chg="del">
        <pc:chgData name="Muhammad Hami Asma'l ISMAIL" userId="a8660aee-7994-4c5b-bbca-19bd60ee1bac" providerId="ADAL" clId="{B27A35D8-9177-42CA-8498-80B4504FAB7A}" dt="2020-12-02T02:13:20.773" v="2694" actId="2696"/>
        <pc:sldMkLst>
          <pc:docMk/>
          <pc:sldMk cId="3161881074" sldId="287"/>
        </pc:sldMkLst>
      </pc:sldChg>
      <pc:sldChg chg="del">
        <pc:chgData name="Muhammad Hami Asma'l ISMAIL" userId="a8660aee-7994-4c5b-bbca-19bd60ee1bac" providerId="ADAL" clId="{B27A35D8-9177-42CA-8498-80B4504FAB7A}" dt="2020-12-02T02:12:17.321" v="2686" actId="2696"/>
        <pc:sldMkLst>
          <pc:docMk/>
          <pc:sldMk cId="1299181792" sldId="288"/>
        </pc:sldMkLst>
      </pc:sldChg>
      <pc:sldChg chg="del">
        <pc:chgData name="Muhammad Hami Asma'l ISMAIL" userId="a8660aee-7994-4c5b-bbca-19bd60ee1bac" providerId="ADAL" clId="{B27A35D8-9177-42CA-8498-80B4504FAB7A}" dt="2020-12-02T02:12:15.321" v="2685" actId="2696"/>
        <pc:sldMkLst>
          <pc:docMk/>
          <pc:sldMk cId="3432990251" sldId="289"/>
        </pc:sldMkLst>
      </pc:sldChg>
      <pc:sldChg chg="del">
        <pc:chgData name="Muhammad Hami Asma'l ISMAIL" userId="a8660aee-7994-4c5b-bbca-19bd60ee1bac" providerId="ADAL" clId="{B27A35D8-9177-42CA-8498-80B4504FAB7A}" dt="2020-12-02T02:13:27.813" v="2696" actId="2696"/>
        <pc:sldMkLst>
          <pc:docMk/>
          <pc:sldMk cId="430503912" sldId="290"/>
        </pc:sldMkLst>
      </pc:sldChg>
      <pc:sldChg chg="del">
        <pc:chgData name="Muhammad Hami Asma'l ISMAIL" userId="a8660aee-7994-4c5b-bbca-19bd60ee1bac" providerId="ADAL" clId="{B27A35D8-9177-42CA-8498-80B4504FAB7A}" dt="2020-12-02T02:12:10.907" v="2684" actId="2696"/>
        <pc:sldMkLst>
          <pc:docMk/>
          <pc:sldMk cId="1815976364" sldId="292"/>
        </pc:sldMkLst>
      </pc:sldChg>
      <pc:sldChg chg="del">
        <pc:chgData name="Muhammad Hami Asma'l ISMAIL" userId="a8660aee-7994-4c5b-bbca-19bd60ee1bac" providerId="ADAL" clId="{B27A35D8-9177-42CA-8498-80B4504FAB7A}" dt="2020-12-02T02:13:50.339" v="2707" actId="2696"/>
        <pc:sldMkLst>
          <pc:docMk/>
          <pc:sldMk cId="2922752646" sldId="293"/>
        </pc:sldMkLst>
      </pc:sldChg>
      <pc:sldChg chg="del">
        <pc:chgData name="Muhammad Hami Asma'l ISMAIL" userId="a8660aee-7994-4c5b-bbca-19bd60ee1bac" providerId="ADAL" clId="{B27A35D8-9177-42CA-8498-80B4504FAB7A}" dt="2020-12-02T02:12:08.432" v="2683" actId="2696"/>
        <pc:sldMkLst>
          <pc:docMk/>
          <pc:sldMk cId="3004403799" sldId="295"/>
        </pc:sldMkLst>
      </pc:sldChg>
      <pc:sldChg chg="addSp delSp modSp ord setBg">
        <pc:chgData name="Muhammad Hami Asma'l ISMAIL" userId="a8660aee-7994-4c5b-bbca-19bd60ee1bac" providerId="ADAL" clId="{B27A35D8-9177-42CA-8498-80B4504FAB7A}" dt="2020-12-01T14:43:25.903" v="1195" actId="1076"/>
        <pc:sldMkLst>
          <pc:docMk/>
          <pc:sldMk cId="3871885259" sldId="296"/>
        </pc:sldMkLst>
        <pc:spChg chg="mod">
          <ac:chgData name="Muhammad Hami Asma'l ISMAIL" userId="a8660aee-7994-4c5b-bbca-19bd60ee1bac" providerId="ADAL" clId="{B27A35D8-9177-42CA-8498-80B4504FAB7A}" dt="2020-12-01T13:46:21.899" v="640" actId="1076"/>
          <ac:spMkLst>
            <pc:docMk/>
            <pc:sldMk cId="3871885259" sldId="296"/>
            <ac:spMk id="11" creationId="{C56C1B7C-E68E-40AD-90C6-F08CEDAD2873}"/>
          </ac:spMkLst>
        </pc:spChg>
        <pc:spChg chg="mod">
          <ac:chgData name="Muhammad Hami Asma'l ISMAIL" userId="a8660aee-7994-4c5b-bbca-19bd60ee1bac" providerId="ADAL" clId="{B27A35D8-9177-42CA-8498-80B4504FAB7A}" dt="2020-12-01T13:44:04.794" v="529" actId="1076"/>
          <ac:spMkLst>
            <pc:docMk/>
            <pc:sldMk cId="3871885259" sldId="296"/>
            <ac:spMk id="12" creationId="{974363E0-0520-47FF-A163-EB36D366CD2C}"/>
          </ac:spMkLst>
        </pc:spChg>
        <pc:spChg chg="mod">
          <ac:chgData name="Muhammad Hami Asma'l ISMAIL" userId="a8660aee-7994-4c5b-bbca-19bd60ee1bac" providerId="ADAL" clId="{B27A35D8-9177-42CA-8498-80B4504FAB7A}" dt="2020-12-01T14:16:04.782" v="808" actId="20577"/>
          <ac:spMkLst>
            <pc:docMk/>
            <pc:sldMk cId="3871885259" sldId="296"/>
            <ac:spMk id="13" creationId="{07BB263E-C76B-4457-84F4-0094F29276F1}"/>
          </ac:spMkLst>
        </pc:spChg>
        <pc:spChg chg="mod">
          <ac:chgData name="Muhammad Hami Asma'l ISMAIL" userId="a8660aee-7994-4c5b-bbca-19bd60ee1bac" providerId="ADAL" clId="{B27A35D8-9177-42CA-8498-80B4504FAB7A}" dt="2020-12-01T13:45:56.376" v="625" actId="20577"/>
          <ac:spMkLst>
            <pc:docMk/>
            <pc:sldMk cId="3871885259" sldId="296"/>
            <ac:spMk id="28" creationId="{29C5DFD9-A5D5-4039-A9D1-4839CE9513A7}"/>
          </ac:spMkLst>
        </pc:spChg>
        <pc:spChg chg="mod">
          <ac:chgData name="Muhammad Hami Asma'l ISMAIL" userId="a8660aee-7994-4c5b-bbca-19bd60ee1bac" providerId="ADAL" clId="{B27A35D8-9177-42CA-8498-80B4504FAB7A}" dt="2020-12-01T13:46:03.689" v="637" actId="20577"/>
          <ac:spMkLst>
            <pc:docMk/>
            <pc:sldMk cId="3871885259" sldId="296"/>
            <ac:spMk id="29" creationId="{EC94187E-A350-4546-B142-9855C3CF9BFA}"/>
          </ac:spMkLst>
        </pc:spChg>
        <pc:spChg chg="mod">
          <ac:chgData name="Muhammad Hami Asma'l ISMAIL" userId="a8660aee-7994-4c5b-bbca-19bd60ee1bac" providerId="ADAL" clId="{B27A35D8-9177-42CA-8498-80B4504FAB7A}" dt="2020-12-01T14:43:20.871" v="1193" actId="1076"/>
          <ac:spMkLst>
            <pc:docMk/>
            <pc:sldMk cId="3871885259" sldId="296"/>
            <ac:spMk id="31" creationId="{6A02FDC1-52C6-4100-966A-ED98AF241361}"/>
          </ac:spMkLst>
        </pc:spChg>
        <pc:spChg chg="del mod">
          <ac:chgData name="Muhammad Hami Asma'l ISMAIL" userId="a8660aee-7994-4c5b-bbca-19bd60ee1bac" providerId="ADAL" clId="{B27A35D8-9177-42CA-8498-80B4504FAB7A}" dt="2020-12-01T13:51:49.375" v="680" actId="478"/>
          <ac:spMkLst>
            <pc:docMk/>
            <pc:sldMk cId="3871885259" sldId="296"/>
            <ac:spMk id="32" creationId="{EBE665F2-CFA0-4673-99B6-8659323A3C50}"/>
          </ac:spMkLst>
        </pc:spChg>
        <pc:spChg chg="mod">
          <ac:chgData name="Muhammad Hami Asma'l ISMAIL" userId="a8660aee-7994-4c5b-bbca-19bd60ee1bac" providerId="ADAL" clId="{B27A35D8-9177-42CA-8498-80B4504FAB7A}" dt="2020-12-01T14:43:23.406" v="1194" actId="1076"/>
          <ac:spMkLst>
            <pc:docMk/>
            <pc:sldMk cId="3871885259" sldId="296"/>
            <ac:spMk id="33" creationId="{2047810F-3FBA-446A-BCE3-DC14D946A090}"/>
          </ac:spMkLst>
        </pc:spChg>
        <pc:spChg chg="del">
          <ac:chgData name="Muhammad Hami Asma'l ISMAIL" userId="a8660aee-7994-4c5b-bbca-19bd60ee1bac" providerId="ADAL" clId="{B27A35D8-9177-42CA-8498-80B4504FAB7A}" dt="2020-12-01T13:51:33.686" v="678" actId="478"/>
          <ac:spMkLst>
            <pc:docMk/>
            <pc:sldMk cId="3871885259" sldId="296"/>
            <ac:spMk id="34" creationId="{8571FC12-611D-42C2-9E77-0AC45EF8D6E6}"/>
          </ac:spMkLst>
        </pc:spChg>
        <pc:spChg chg="mod">
          <ac:chgData name="Muhammad Hami Asma'l ISMAIL" userId="a8660aee-7994-4c5b-bbca-19bd60ee1bac" providerId="ADAL" clId="{B27A35D8-9177-42CA-8498-80B4504FAB7A}" dt="2020-12-01T14:43:25.903" v="1195" actId="1076"/>
          <ac:spMkLst>
            <pc:docMk/>
            <pc:sldMk cId="3871885259" sldId="296"/>
            <ac:spMk id="35" creationId="{330D0B2E-BE8C-435C-9F6C-83D755B2D28A}"/>
          </ac:spMkLst>
        </pc:spChg>
        <pc:spChg chg="del mod">
          <ac:chgData name="Muhammad Hami Asma'l ISMAIL" userId="a8660aee-7994-4c5b-bbca-19bd60ee1bac" providerId="ADAL" clId="{B27A35D8-9177-42CA-8498-80B4504FAB7A}" dt="2020-12-01T13:51:51.653" v="681" actId="478"/>
          <ac:spMkLst>
            <pc:docMk/>
            <pc:sldMk cId="3871885259" sldId="296"/>
            <ac:spMk id="36" creationId="{57F97766-8A2D-4BB0-914C-2758C32EC438}"/>
          </ac:spMkLst>
        </pc:spChg>
        <pc:spChg chg="mod">
          <ac:chgData name="Muhammad Hami Asma'l ISMAIL" userId="a8660aee-7994-4c5b-bbca-19bd60ee1bac" providerId="ADAL" clId="{B27A35D8-9177-42CA-8498-80B4504FAB7A}" dt="2020-12-01T13:55:33.620" v="794" actId="14100"/>
          <ac:spMkLst>
            <pc:docMk/>
            <pc:sldMk cId="3871885259" sldId="296"/>
            <ac:spMk id="37" creationId="{5168FC88-6BD0-4F20-8A0F-D671A12EDBEA}"/>
          </ac:spMkLst>
        </pc:spChg>
        <pc:spChg chg="del">
          <ac:chgData name="Muhammad Hami Asma'l ISMAIL" userId="a8660aee-7994-4c5b-bbca-19bd60ee1bac" providerId="ADAL" clId="{B27A35D8-9177-42CA-8498-80B4504FAB7A}" dt="2020-12-01T13:51:53.233" v="682" actId="478"/>
          <ac:spMkLst>
            <pc:docMk/>
            <pc:sldMk cId="3871885259" sldId="296"/>
            <ac:spMk id="38" creationId="{EBE6EA8E-8182-4397-B3A7-3970A1BDDB24}"/>
          </ac:spMkLst>
        </pc:spChg>
        <pc:spChg chg="del">
          <ac:chgData name="Muhammad Hami Asma'l ISMAIL" userId="a8660aee-7994-4c5b-bbca-19bd60ee1bac" providerId="ADAL" clId="{B27A35D8-9177-42CA-8498-80B4504FAB7A}" dt="2020-12-01T13:51:58.134" v="683" actId="478"/>
          <ac:spMkLst>
            <pc:docMk/>
            <pc:sldMk cId="3871885259" sldId="296"/>
            <ac:spMk id="39" creationId="{49CA2500-5BA5-407C-8D42-8809D7A9B150}"/>
          </ac:spMkLst>
        </pc:spChg>
        <pc:spChg chg="add mod">
          <ac:chgData name="Muhammad Hami Asma'l ISMAIL" userId="a8660aee-7994-4c5b-bbca-19bd60ee1bac" providerId="ADAL" clId="{B27A35D8-9177-42CA-8498-80B4504FAB7A}" dt="2020-12-01T14:43:05.984" v="1189" actId="14100"/>
          <ac:spMkLst>
            <pc:docMk/>
            <pc:sldMk cId="3871885259" sldId="296"/>
            <ac:spMk id="40" creationId="{6C23F794-C820-4611-9CDA-064828812C64}"/>
          </ac:spMkLst>
        </pc:spChg>
        <pc:spChg chg="add mod">
          <ac:chgData name="Muhammad Hami Asma'l ISMAIL" userId="a8660aee-7994-4c5b-bbca-19bd60ee1bac" providerId="ADAL" clId="{B27A35D8-9177-42CA-8498-80B4504FAB7A}" dt="2020-12-01T14:43:02.801" v="1188" actId="1076"/>
          <ac:spMkLst>
            <pc:docMk/>
            <pc:sldMk cId="3871885259" sldId="296"/>
            <ac:spMk id="41" creationId="{74BED9C9-58CD-41CA-A133-98D8C39CBDF3}"/>
          </ac:spMkLst>
        </pc:spChg>
        <pc:spChg chg="add mod">
          <ac:chgData name="Muhammad Hami Asma'l ISMAIL" userId="a8660aee-7994-4c5b-bbca-19bd60ee1bac" providerId="ADAL" clId="{B27A35D8-9177-42CA-8498-80B4504FAB7A}" dt="2020-12-01T14:38:03.621" v="1136" actId="20577"/>
          <ac:spMkLst>
            <pc:docMk/>
            <pc:sldMk cId="3871885259" sldId="296"/>
            <ac:spMk id="42" creationId="{5B4D6AA6-5D4C-4A63-81D0-3DACF30CF9AF}"/>
          </ac:spMkLst>
        </pc:spChg>
        <pc:grpChg chg="mod">
          <ac:chgData name="Muhammad Hami Asma'l ISMAIL" userId="a8660aee-7994-4c5b-bbca-19bd60ee1bac" providerId="ADAL" clId="{B27A35D8-9177-42CA-8498-80B4504FAB7A}" dt="2020-12-01T13:46:27.069" v="641" actId="1076"/>
          <ac:grpSpMkLst>
            <pc:docMk/>
            <pc:sldMk cId="3871885259" sldId="296"/>
            <ac:grpSpMk id="14" creationId="{E4F668AF-5C44-4824-939C-C7D9C00C0EBA}"/>
          </ac:grpSpMkLst>
        </pc:grpChg>
        <pc:grpChg chg="mod">
          <ac:chgData name="Muhammad Hami Asma'l ISMAIL" userId="a8660aee-7994-4c5b-bbca-19bd60ee1bac" providerId="ADAL" clId="{B27A35D8-9177-42CA-8498-80B4504FAB7A}" dt="2020-12-01T13:46:15.029" v="638" actId="1076"/>
          <ac:grpSpMkLst>
            <pc:docMk/>
            <pc:sldMk cId="3871885259" sldId="296"/>
            <ac:grpSpMk id="27" creationId="{1AE2322A-3817-4F6E-8BF2-C67EB080F633}"/>
          </ac:grpSpMkLst>
        </pc:grpChg>
      </pc:sldChg>
      <pc:sldChg chg="del">
        <pc:chgData name="Muhammad Hami Asma'l ISMAIL" userId="a8660aee-7994-4c5b-bbca-19bd60ee1bac" providerId="ADAL" clId="{B27A35D8-9177-42CA-8498-80B4504FAB7A}" dt="2020-12-02T02:12:19.954" v="2687" actId="2696"/>
        <pc:sldMkLst>
          <pc:docMk/>
          <pc:sldMk cId="1333573752" sldId="297"/>
        </pc:sldMkLst>
      </pc:sldChg>
      <pc:sldChg chg="addSp delSp modSp ord">
        <pc:chgData name="Muhammad Hami Asma'l ISMAIL" userId="a8660aee-7994-4c5b-bbca-19bd60ee1bac" providerId="ADAL" clId="{B27A35D8-9177-42CA-8498-80B4504FAB7A}" dt="2020-12-02T02:43:54.616" v="4107" actId="478"/>
        <pc:sldMkLst>
          <pc:docMk/>
          <pc:sldMk cId="3794804899" sldId="298"/>
        </pc:sldMkLst>
        <pc:spChg chg="mod">
          <ac:chgData name="Muhammad Hami Asma'l ISMAIL" userId="a8660aee-7994-4c5b-bbca-19bd60ee1bac" providerId="ADAL" clId="{B27A35D8-9177-42CA-8498-80B4504FAB7A}" dt="2020-12-02T02:41:06.210" v="4059" actId="20577"/>
          <ac:spMkLst>
            <pc:docMk/>
            <pc:sldMk cId="3794804899" sldId="298"/>
            <ac:spMk id="2" creationId="{206381AD-4C2B-4745-99B1-0BBCE6131A71}"/>
          </ac:spMkLst>
        </pc:spChg>
        <pc:spChg chg="mod">
          <ac:chgData name="Muhammad Hami Asma'l ISMAIL" userId="a8660aee-7994-4c5b-bbca-19bd60ee1bac" providerId="ADAL" clId="{B27A35D8-9177-42CA-8498-80B4504FAB7A}" dt="2020-12-02T02:39:38.733" v="3899" actId="20577"/>
          <ac:spMkLst>
            <pc:docMk/>
            <pc:sldMk cId="3794804899" sldId="298"/>
            <ac:spMk id="9" creationId="{CDEE698E-3B31-42CC-BCA8-4BE773673440}"/>
          </ac:spMkLst>
        </pc:spChg>
        <pc:spChg chg="mod">
          <ac:chgData name="Muhammad Hami Asma'l ISMAIL" userId="a8660aee-7994-4c5b-bbca-19bd60ee1bac" providerId="ADAL" clId="{B27A35D8-9177-42CA-8498-80B4504FAB7A}" dt="2020-12-02T02:36:02.152" v="3668" actId="20577"/>
          <ac:spMkLst>
            <pc:docMk/>
            <pc:sldMk cId="3794804899" sldId="298"/>
            <ac:spMk id="10" creationId="{C96F7AA4-546A-4F89-87EB-75A03EE85B6E}"/>
          </ac:spMkLst>
        </pc:spChg>
        <pc:spChg chg="mod">
          <ac:chgData name="Muhammad Hami Asma'l ISMAIL" userId="a8660aee-7994-4c5b-bbca-19bd60ee1bac" providerId="ADAL" clId="{B27A35D8-9177-42CA-8498-80B4504FAB7A}" dt="2020-12-02T02:40:46.822" v="4043" actId="20577"/>
          <ac:spMkLst>
            <pc:docMk/>
            <pc:sldMk cId="3794804899" sldId="298"/>
            <ac:spMk id="12" creationId="{01ACE9FA-4495-40C1-9DE8-393B189107CA}"/>
          </ac:spMkLst>
        </pc:spChg>
        <pc:spChg chg="mod">
          <ac:chgData name="Muhammad Hami Asma'l ISMAIL" userId="a8660aee-7994-4c5b-bbca-19bd60ee1bac" providerId="ADAL" clId="{B27A35D8-9177-42CA-8498-80B4504FAB7A}" dt="2020-12-02T02:38:29.663" v="3821" actId="20577"/>
          <ac:spMkLst>
            <pc:docMk/>
            <pc:sldMk cId="3794804899" sldId="298"/>
            <ac:spMk id="13" creationId="{1D0B8936-2B63-472E-B707-A01FFA323C8E}"/>
          </ac:spMkLst>
        </pc:spChg>
        <pc:spChg chg="mod">
          <ac:chgData name="Muhammad Hami Asma'l ISMAIL" userId="a8660aee-7994-4c5b-bbca-19bd60ee1bac" providerId="ADAL" clId="{B27A35D8-9177-42CA-8498-80B4504FAB7A}" dt="2020-12-02T02:40:06.433" v="3950" actId="20577"/>
          <ac:spMkLst>
            <pc:docMk/>
            <pc:sldMk cId="3794804899" sldId="298"/>
            <ac:spMk id="15" creationId="{F5017764-73A2-4EA6-AEE1-574302E30FC3}"/>
          </ac:spMkLst>
        </pc:spChg>
        <pc:spChg chg="mod">
          <ac:chgData name="Muhammad Hami Asma'l ISMAIL" userId="a8660aee-7994-4c5b-bbca-19bd60ee1bac" providerId="ADAL" clId="{B27A35D8-9177-42CA-8498-80B4504FAB7A}" dt="2020-12-02T02:36:48.332" v="3729" actId="20577"/>
          <ac:spMkLst>
            <pc:docMk/>
            <pc:sldMk cId="3794804899" sldId="298"/>
            <ac:spMk id="16" creationId="{D897C0B7-F38F-41C9-9864-5E3E35BE9E5D}"/>
          </ac:spMkLst>
        </pc:spChg>
        <pc:spChg chg="mod">
          <ac:chgData name="Muhammad Hami Asma'l ISMAIL" userId="a8660aee-7994-4c5b-bbca-19bd60ee1bac" providerId="ADAL" clId="{B27A35D8-9177-42CA-8498-80B4504FAB7A}" dt="2020-12-02T02:38:54.622" v="3822"/>
          <ac:spMkLst>
            <pc:docMk/>
            <pc:sldMk cId="3794804899" sldId="298"/>
            <ac:spMk id="18" creationId="{D08DBEE7-4024-49B8-9B80-3ADBD316E259}"/>
          </ac:spMkLst>
        </pc:spChg>
        <pc:spChg chg="mod">
          <ac:chgData name="Muhammad Hami Asma'l ISMAIL" userId="a8660aee-7994-4c5b-bbca-19bd60ee1bac" providerId="ADAL" clId="{B27A35D8-9177-42CA-8498-80B4504FAB7A}" dt="2020-12-02T02:36:32.673" v="3700" actId="20577"/>
          <ac:spMkLst>
            <pc:docMk/>
            <pc:sldMk cId="3794804899" sldId="298"/>
            <ac:spMk id="19" creationId="{54ED58C0-8D16-4BEE-94CF-4BA589AF9D3F}"/>
          </ac:spMkLst>
        </pc:spChg>
        <pc:spChg chg="mod">
          <ac:chgData name="Muhammad Hami Asma'l ISMAIL" userId="a8660aee-7994-4c5b-bbca-19bd60ee1bac" providerId="ADAL" clId="{B27A35D8-9177-42CA-8498-80B4504FAB7A}" dt="2020-12-02T02:39:06.926" v="3823"/>
          <ac:spMkLst>
            <pc:docMk/>
            <pc:sldMk cId="3794804899" sldId="298"/>
            <ac:spMk id="21" creationId="{5806B648-AB13-4B10-A4A7-68B3B9E99B21}"/>
          </ac:spMkLst>
        </pc:spChg>
        <pc:spChg chg="mod">
          <ac:chgData name="Muhammad Hami Asma'l ISMAIL" userId="a8660aee-7994-4c5b-bbca-19bd60ee1bac" providerId="ADAL" clId="{B27A35D8-9177-42CA-8498-80B4504FAB7A}" dt="2020-12-02T02:37:59.823" v="3793" actId="20577"/>
          <ac:spMkLst>
            <pc:docMk/>
            <pc:sldMk cId="3794804899" sldId="298"/>
            <ac:spMk id="22" creationId="{20D7826A-C6D3-4401-85C1-46C137289437}"/>
          </ac:spMkLst>
        </pc:spChg>
        <pc:spChg chg="mod">
          <ac:chgData name="Muhammad Hami Asma'l ISMAIL" userId="a8660aee-7994-4c5b-bbca-19bd60ee1bac" providerId="ADAL" clId="{B27A35D8-9177-42CA-8498-80B4504FAB7A}" dt="2020-12-02T02:41:17.641" v="4072" actId="20577"/>
          <ac:spMkLst>
            <pc:docMk/>
            <pc:sldMk cId="3794804899" sldId="298"/>
            <ac:spMk id="24" creationId="{A17A9DD2-9B2F-42AD-B623-394A7669D010}"/>
          </ac:spMkLst>
        </pc:spChg>
        <pc:spChg chg="mod">
          <ac:chgData name="Muhammad Hami Asma'l ISMAIL" userId="a8660aee-7994-4c5b-bbca-19bd60ee1bac" providerId="ADAL" clId="{B27A35D8-9177-42CA-8498-80B4504FAB7A}" dt="2020-12-02T02:41:26.939" v="4093" actId="20577"/>
          <ac:spMkLst>
            <pc:docMk/>
            <pc:sldMk cId="3794804899" sldId="298"/>
            <ac:spMk id="25" creationId="{D2467D82-CA07-44F2-9BC9-CBE42C75FFEF}"/>
          </ac:spMkLst>
        </pc:spChg>
        <pc:spChg chg="del mod">
          <ac:chgData name="Muhammad Hami Asma'l ISMAIL" userId="a8660aee-7994-4c5b-bbca-19bd60ee1bac" providerId="ADAL" clId="{B27A35D8-9177-42CA-8498-80B4504FAB7A}" dt="2020-12-02T02:43:54.616" v="4107" actId="478"/>
          <ac:spMkLst>
            <pc:docMk/>
            <pc:sldMk cId="3794804899" sldId="298"/>
            <ac:spMk id="29" creationId="{11748711-F48E-4072-974F-264C28F56D7B}"/>
          </ac:spMkLst>
        </pc:spChg>
        <pc:spChg chg="del">
          <ac:chgData name="Muhammad Hami Asma'l ISMAIL" userId="a8660aee-7994-4c5b-bbca-19bd60ee1bac" providerId="ADAL" clId="{B27A35D8-9177-42CA-8498-80B4504FAB7A}" dt="2020-12-02T02:41:45.579" v="4095" actId="478"/>
          <ac:spMkLst>
            <pc:docMk/>
            <pc:sldMk cId="3794804899" sldId="298"/>
            <ac:spMk id="30" creationId="{43A66D6F-9A0A-4886-8E79-91A59935B5E0}"/>
          </ac:spMkLst>
        </pc:spChg>
        <pc:spChg chg="add mod">
          <ac:chgData name="Muhammad Hami Asma'l ISMAIL" userId="a8660aee-7994-4c5b-bbca-19bd60ee1bac" providerId="ADAL" clId="{B27A35D8-9177-42CA-8498-80B4504FAB7A}" dt="2020-12-02T02:42:37.972" v="4101" actId="1076"/>
          <ac:spMkLst>
            <pc:docMk/>
            <pc:sldMk cId="3794804899" sldId="298"/>
            <ac:spMk id="37" creationId="{212561BF-2E7E-468B-AEA4-E9EE455B0AD8}"/>
          </ac:spMkLst>
        </pc:spChg>
        <pc:spChg chg="add mod">
          <ac:chgData name="Muhammad Hami Asma'l ISMAIL" userId="a8660aee-7994-4c5b-bbca-19bd60ee1bac" providerId="ADAL" clId="{B27A35D8-9177-42CA-8498-80B4504FAB7A}" dt="2020-12-02T02:43:42.318" v="4106" actId="1076"/>
          <ac:spMkLst>
            <pc:docMk/>
            <pc:sldMk cId="3794804899" sldId="298"/>
            <ac:spMk id="38" creationId="{EC986413-7E1D-4C18-9ADB-F99FBE8A83E5}"/>
          </ac:spMkLst>
        </pc:spChg>
        <pc:grpChg chg="mod">
          <ac:chgData name="Muhammad Hami Asma'l ISMAIL" userId="a8660aee-7994-4c5b-bbca-19bd60ee1bac" providerId="ADAL" clId="{B27A35D8-9177-42CA-8498-80B4504FAB7A}" dt="2020-12-02T02:29:54.837" v="3372" actId="1076"/>
          <ac:grpSpMkLst>
            <pc:docMk/>
            <pc:sldMk cId="3794804899" sldId="298"/>
            <ac:grpSpMk id="14" creationId="{E1C4A59C-C194-4FF9-86DC-04CB7AED92AF}"/>
          </ac:grpSpMkLst>
        </pc:grpChg>
        <pc:grpChg chg="mod">
          <ac:chgData name="Muhammad Hami Asma'l ISMAIL" userId="a8660aee-7994-4c5b-bbca-19bd60ee1bac" providerId="ADAL" clId="{B27A35D8-9177-42CA-8498-80B4504FAB7A}" dt="2020-12-02T02:39:06.926" v="3823"/>
          <ac:grpSpMkLst>
            <pc:docMk/>
            <pc:sldMk cId="3794804899" sldId="298"/>
            <ac:grpSpMk id="20" creationId="{34E2E171-AD4C-4908-A301-7DA48D5C3A15}"/>
          </ac:grpSpMkLst>
        </pc:grpChg>
        <pc:grpChg chg="mod">
          <ac:chgData name="Muhammad Hami Asma'l ISMAIL" userId="a8660aee-7994-4c5b-bbca-19bd60ee1bac" providerId="ADAL" clId="{B27A35D8-9177-42CA-8498-80B4504FAB7A}" dt="2020-12-02T02:41:36.730" v="4094" actId="1076"/>
          <ac:grpSpMkLst>
            <pc:docMk/>
            <pc:sldMk cId="3794804899" sldId="298"/>
            <ac:grpSpMk id="23" creationId="{6F6086D9-A041-4576-8B0C-0825E97F4971}"/>
          </ac:grpSpMkLst>
        </pc:grpChg>
      </pc:sldChg>
      <pc:sldChg chg="del">
        <pc:chgData name="Muhammad Hami Asma'l ISMAIL" userId="a8660aee-7994-4c5b-bbca-19bd60ee1bac" providerId="ADAL" clId="{B27A35D8-9177-42CA-8498-80B4504FAB7A}" dt="2020-12-02T02:12:33.956" v="2689" actId="2696"/>
        <pc:sldMkLst>
          <pc:docMk/>
          <pc:sldMk cId="679750258" sldId="299"/>
        </pc:sldMkLst>
      </pc:sldChg>
      <pc:sldChg chg="del">
        <pc:chgData name="Muhammad Hami Asma'l ISMAIL" userId="a8660aee-7994-4c5b-bbca-19bd60ee1bac" providerId="ADAL" clId="{B27A35D8-9177-42CA-8498-80B4504FAB7A}" dt="2020-12-02T02:13:44.265" v="2704" actId="2696"/>
        <pc:sldMkLst>
          <pc:docMk/>
          <pc:sldMk cId="1531459975" sldId="300"/>
        </pc:sldMkLst>
      </pc:sldChg>
      <pc:sldChg chg="del">
        <pc:chgData name="Muhammad Hami Asma'l ISMAIL" userId="a8660aee-7994-4c5b-bbca-19bd60ee1bac" providerId="ADAL" clId="{B27A35D8-9177-42CA-8498-80B4504FAB7A}" dt="2020-12-02T02:12:31.027" v="2688" actId="2696"/>
        <pc:sldMkLst>
          <pc:docMk/>
          <pc:sldMk cId="3182193705" sldId="301"/>
        </pc:sldMkLst>
      </pc:sldChg>
      <pc:sldChg chg="add del">
        <pc:chgData name="Muhammad Hami Asma'l ISMAIL" userId="a8660aee-7994-4c5b-bbca-19bd60ee1bac" providerId="ADAL" clId="{B27A35D8-9177-42CA-8498-80B4504FAB7A}" dt="2020-12-02T02:13:41.503" v="2703" actId="2696"/>
        <pc:sldMkLst>
          <pc:docMk/>
          <pc:sldMk cId="693040436" sldId="302"/>
        </pc:sldMkLst>
      </pc:sldChg>
      <pc:sldChg chg="del">
        <pc:chgData name="Muhammad Hami Asma'l ISMAIL" userId="a8660aee-7994-4c5b-bbca-19bd60ee1bac" providerId="ADAL" clId="{B27A35D8-9177-42CA-8498-80B4504FAB7A}" dt="2020-12-02T02:13:48.834" v="2706" actId="2696"/>
        <pc:sldMkLst>
          <pc:docMk/>
          <pc:sldMk cId="528810742" sldId="303"/>
        </pc:sldMkLst>
      </pc:sldChg>
      <pc:sldChg chg="del">
        <pc:chgData name="Muhammad Hami Asma'l ISMAIL" userId="a8660aee-7994-4c5b-bbca-19bd60ee1bac" providerId="ADAL" clId="{B27A35D8-9177-42CA-8498-80B4504FAB7A}" dt="2020-12-02T02:13:52.710" v="2708" actId="2696"/>
        <pc:sldMkLst>
          <pc:docMk/>
          <pc:sldMk cId="1349625756" sldId="304"/>
        </pc:sldMkLst>
      </pc:sldChg>
      <pc:sldChg chg="addSp delSp modSp ord">
        <pc:chgData name="Muhammad Hami Asma'l ISMAIL" userId="a8660aee-7994-4c5b-bbca-19bd60ee1bac" providerId="ADAL" clId="{B27A35D8-9177-42CA-8498-80B4504FAB7A}" dt="2020-12-02T02:48:01.032" v="4170" actId="478"/>
        <pc:sldMkLst>
          <pc:docMk/>
          <pc:sldMk cId="1324749148" sldId="305"/>
        </pc:sldMkLst>
        <pc:spChg chg="mod">
          <ac:chgData name="Muhammad Hami Asma'l ISMAIL" userId="a8660aee-7994-4c5b-bbca-19bd60ee1bac" providerId="ADAL" clId="{B27A35D8-9177-42CA-8498-80B4504FAB7A}" dt="2020-12-02T02:28:59.195" v="3308" actId="20577"/>
          <ac:spMkLst>
            <pc:docMk/>
            <pc:sldMk cId="1324749148" sldId="305"/>
            <ac:spMk id="2" creationId="{206381AD-4C2B-4745-99B1-0BBCE6131A71}"/>
          </ac:spMkLst>
        </pc:spChg>
        <pc:spChg chg="mod">
          <ac:chgData name="Muhammad Hami Asma'l ISMAIL" userId="a8660aee-7994-4c5b-bbca-19bd60ee1bac" providerId="ADAL" clId="{B27A35D8-9177-42CA-8498-80B4504FAB7A}" dt="2020-12-02T02:28:22.014" v="3290"/>
          <ac:spMkLst>
            <pc:docMk/>
            <pc:sldMk cId="1324749148" sldId="305"/>
            <ac:spMk id="9" creationId="{945A7D5A-FA80-4CA3-9E74-B5C006267795}"/>
          </ac:spMkLst>
        </pc:spChg>
        <pc:spChg chg="mod">
          <ac:chgData name="Muhammad Hami Asma'l ISMAIL" userId="a8660aee-7994-4c5b-bbca-19bd60ee1bac" providerId="ADAL" clId="{B27A35D8-9177-42CA-8498-80B4504FAB7A}" dt="2020-12-02T02:45:26.827" v="4148" actId="20577"/>
          <ac:spMkLst>
            <pc:docMk/>
            <pc:sldMk cId="1324749148" sldId="305"/>
            <ac:spMk id="10" creationId="{7D07AD73-65AF-4F0A-88B9-951B923663DF}"/>
          </ac:spMkLst>
        </pc:spChg>
        <pc:spChg chg="mod">
          <ac:chgData name="Muhammad Hami Asma'l ISMAIL" userId="a8660aee-7994-4c5b-bbca-19bd60ee1bac" providerId="ADAL" clId="{B27A35D8-9177-42CA-8498-80B4504FAB7A}" dt="2020-12-02T02:46:47.018" v="4157" actId="1076"/>
          <ac:spMkLst>
            <pc:docMk/>
            <pc:sldMk cId="1324749148" sldId="305"/>
            <ac:spMk id="12" creationId="{8D2DCC6D-DC86-46A2-8ED5-DCCE56C025A4}"/>
          </ac:spMkLst>
        </pc:spChg>
        <pc:spChg chg="mod">
          <ac:chgData name="Muhammad Hami Asma'l ISMAIL" userId="a8660aee-7994-4c5b-bbca-19bd60ee1bac" providerId="ADAL" clId="{B27A35D8-9177-42CA-8498-80B4504FAB7A}" dt="2020-12-02T02:28:32.639" v="3291"/>
          <ac:spMkLst>
            <pc:docMk/>
            <pc:sldMk cId="1324749148" sldId="305"/>
            <ac:spMk id="16" creationId="{C56C08CA-B006-49EB-9998-8956F4517B95}"/>
          </ac:spMkLst>
        </pc:spChg>
        <pc:spChg chg="mod">
          <ac:chgData name="Muhammad Hami Asma'l ISMAIL" userId="a8660aee-7994-4c5b-bbca-19bd60ee1bac" providerId="ADAL" clId="{B27A35D8-9177-42CA-8498-80B4504FAB7A}" dt="2020-12-02T02:45:13.531" v="4133" actId="20577"/>
          <ac:spMkLst>
            <pc:docMk/>
            <pc:sldMk cId="1324749148" sldId="305"/>
            <ac:spMk id="17" creationId="{2251D24C-E0AA-4601-89BC-56D31D6A11DB}"/>
          </ac:spMkLst>
        </pc:spChg>
        <pc:spChg chg="mod">
          <ac:chgData name="Muhammad Hami Asma'l ISMAIL" userId="a8660aee-7994-4c5b-bbca-19bd60ee1bac" providerId="ADAL" clId="{B27A35D8-9177-42CA-8498-80B4504FAB7A}" dt="2020-12-02T02:28:44.326" v="3292"/>
          <ac:spMkLst>
            <pc:docMk/>
            <pc:sldMk cId="1324749148" sldId="305"/>
            <ac:spMk id="23" creationId="{1A110FA3-C504-4A9D-969E-767F4DB127E4}"/>
          </ac:spMkLst>
        </pc:spChg>
        <pc:spChg chg="mod">
          <ac:chgData name="Muhammad Hami Asma'l ISMAIL" userId="a8660aee-7994-4c5b-bbca-19bd60ee1bac" providerId="ADAL" clId="{B27A35D8-9177-42CA-8498-80B4504FAB7A}" dt="2020-12-02T02:45:38.743" v="4149" actId="20577"/>
          <ac:spMkLst>
            <pc:docMk/>
            <pc:sldMk cId="1324749148" sldId="305"/>
            <ac:spMk id="24" creationId="{61218383-9C35-4999-AE73-06AE04200757}"/>
          </ac:spMkLst>
        </pc:spChg>
        <pc:spChg chg="del">
          <ac:chgData name="Muhammad Hami Asma'l ISMAIL" userId="a8660aee-7994-4c5b-bbca-19bd60ee1bac" providerId="ADAL" clId="{B27A35D8-9177-42CA-8498-80B4504FAB7A}" dt="2020-12-02T02:46:03.562" v="4150" actId="478"/>
          <ac:spMkLst>
            <pc:docMk/>
            <pc:sldMk cId="1324749148" sldId="305"/>
            <ac:spMk id="31" creationId="{30E4E21C-EEF5-489E-BFC9-AAA2C41EB383}"/>
          </ac:spMkLst>
        </pc:spChg>
        <pc:spChg chg="del mod">
          <ac:chgData name="Muhammad Hami Asma'l ISMAIL" userId="a8660aee-7994-4c5b-bbca-19bd60ee1bac" providerId="ADAL" clId="{B27A35D8-9177-42CA-8498-80B4504FAB7A}" dt="2020-12-02T02:48:01.032" v="4170" actId="478"/>
          <ac:spMkLst>
            <pc:docMk/>
            <pc:sldMk cId="1324749148" sldId="305"/>
            <ac:spMk id="32" creationId="{152443B7-B497-440B-A2D1-655EE743CB80}"/>
          </ac:spMkLst>
        </pc:spChg>
        <pc:spChg chg="del">
          <ac:chgData name="Muhammad Hami Asma'l ISMAIL" userId="a8660aee-7994-4c5b-bbca-19bd60ee1bac" providerId="ADAL" clId="{B27A35D8-9177-42CA-8498-80B4504FAB7A}" dt="2020-12-02T02:47:57.151" v="4168" actId="478"/>
          <ac:spMkLst>
            <pc:docMk/>
            <pc:sldMk cId="1324749148" sldId="305"/>
            <ac:spMk id="33" creationId="{C81D472F-FAC4-422C-AF6B-2DFBCDF05567}"/>
          </ac:spMkLst>
        </pc:spChg>
        <pc:spChg chg="del">
          <ac:chgData name="Muhammad Hami Asma'l ISMAIL" userId="a8660aee-7994-4c5b-bbca-19bd60ee1bac" providerId="ADAL" clId="{B27A35D8-9177-42CA-8498-80B4504FAB7A}" dt="2020-12-02T02:47:24.522" v="4161" actId="478"/>
          <ac:spMkLst>
            <pc:docMk/>
            <pc:sldMk cId="1324749148" sldId="305"/>
            <ac:spMk id="34" creationId="{248C7865-4E36-4B8A-8315-797C339C3E6A}"/>
          </ac:spMkLst>
        </pc:spChg>
        <pc:spChg chg="add mod">
          <ac:chgData name="Muhammad Hami Asma'l ISMAIL" userId="a8660aee-7994-4c5b-bbca-19bd60ee1bac" providerId="ADAL" clId="{B27A35D8-9177-42CA-8498-80B4504FAB7A}" dt="2020-12-02T02:46:11.962" v="4153" actId="1076"/>
          <ac:spMkLst>
            <pc:docMk/>
            <pc:sldMk cId="1324749148" sldId="305"/>
            <ac:spMk id="35" creationId="{E91A5E1E-DC86-4C78-9A0E-DBDA6ACCD28E}"/>
          </ac:spMkLst>
        </pc:spChg>
        <pc:spChg chg="add mod">
          <ac:chgData name="Muhammad Hami Asma'l ISMAIL" userId="a8660aee-7994-4c5b-bbca-19bd60ee1bac" providerId="ADAL" clId="{B27A35D8-9177-42CA-8498-80B4504FAB7A}" dt="2020-12-02T02:47:01.587" v="4160" actId="1076"/>
          <ac:spMkLst>
            <pc:docMk/>
            <pc:sldMk cId="1324749148" sldId="305"/>
            <ac:spMk id="36" creationId="{EAA4342C-1383-46C2-A95D-C1336BE542BE}"/>
          </ac:spMkLst>
        </pc:spChg>
        <pc:spChg chg="add mod">
          <ac:chgData name="Muhammad Hami Asma'l ISMAIL" userId="a8660aee-7994-4c5b-bbca-19bd60ee1bac" providerId="ADAL" clId="{B27A35D8-9177-42CA-8498-80B4504FAB7A}" dt="2020-12-02T02:47:29.663" v="4164" actId="207"/>
          <ac:spMkLst>
            <pc:docMk/>
            <pc:sldMk cId="1324749148" sldId="305"/>
            <ac:spMk id="37" creationId="{52DFE60C-3111-4561-A3B6-852E8D31A30C}"/>
          </ac:spMkLst>
        </pc:spChg>
        <pc:spChg chg="add mod">
          <ac:chgData name="Muhammad Hami Asma'l ISMAIL" userId="a8660aee-7994-4c5b-bbca-19bd60ee1bac" providerId="ADAL" clId="{B27A35D8-9177-42CA-8498-80B4504FAB7A}" dt="2020-12-02T02:47:58.973" v="4169" actId="1076"/>
          <ac:spMkLst>
            <pc:docMk/>
            <pc:sldMk cId="1324749148" sldId="305"/>
            <ac:spMk id="38" creationId="{16654BF7-15EE-4B57-A75B-EF688AE1E387}"/>
          </ac:spMkLst>
        </pc:spChg>
        <pc:grpChg chg="mod">
          <ac:chgData name="Muhammad Hami Asma'l ISMAIL" userId="a8660aee-7994-4c5b-bbca-19bd60ee1bac" providerId="ADAL" clId="{B27A35D8-9177-42CA-8498-80B4504FAB7A}" dt="2020-12-02T02:28:22.014" v="3290"/>
          <ac:grpSpMkLst>
            <pc:docMk/>
            <pc:sldMk cId="1324749148" sldId="305"/>
            <ac:grpSpMk id="8" creationId="{678067F8-F330-4D7F-AC3B-3D3FE008BC68}"/>
          </ac:grpSpMkLst>
        </pc:grpChg>
        <pc:grpChg chg="mod">
          <ac:chgData name="Muhammad Hami Asma'l ISMAIL" userId="a8660aee-7994-4c5b-bbca-19bd60ee1bac" providerId="ADAL" clId="{B27A35D8-9177-42CA-8498-80B4504FAB7A}" dt="2020-12-02T02:28:44.326" v="3292"/>
          <ac:grpSpMkLst>
            <pc:docMk/>
            <pc:sldMk cId="1324749148" sldId="305"/>
            <ac:grpSpMk id="22" creationId="{EDDC714E-907E-4ABE-B146-43D888A7987C}"/>
          </ac:grpSpMkLst>
        </pc:grpChg>
      </pc:sldChg>
      <pc:sldChg chg="del">
        <pc:chgData name="Muhammad Hami Asma'l ISMAIL" userId="a8660aee-7994-4c5b-bbca-19bd60ee1bac" providerId="ADAL" clId="{B27A35D8-9177-42CA-8498-80B4504FAB7A}" dt="2020-12-02T02:13:45.789" v="2705" actId="2696"/>
        <pc:sldMkLst>
          <pc:docMk/>
          <pc:sldMk cId="2366296285" sldId="306"/>
        </pc:sldMkLst>
      </pc:sldChg>
      <pc:sldChg chg="del">
        <pc:chgData name="Muhammad Hami Asma'l ISMAIL" userId="a8660aee-7994-4c5b-bbca-19bd60ee1bac" providerId="ADAL" clId="{B27A35D8-9177-42CA-8498-80B4504FAB7A}" dt="2020-12-02T02:13:55.307" v="2709" actId="2696"/>
        <pc:sldMkLst>
          <pc:docMk/>
          <pc:sldMk cId="4228638972" sldId="308"/>
        </pc:sldMkLst>
      </pc:sldChg>
      <pc:sldChg chg="del">
        <pc:chgData name="Muhammad Hami Asma'l ISMAIL" userId="a8660aee-7994-4c5b-bbca-19bd60ee1bac" providerId="ADAL" clId="{B27A35D8-9177-42CA-8498-80B4504FAB7A}" dt="2020-12-02T02:14:41.603" v="2714" actId="2696"/>
        <pc:sldMkLst>
          <pc:docMk/>
          <pc:sldMk cId="1476168722" sldId="310"/>
        </pc:sldMkLst>
      </pc:sldChg>
      <pc:sldChg chg="del">
        <pc:chgData name="Muhammad Hami Asma'l ISMAIL" userId="a8660aee-7994-4c5b-bbca-19bd60ee1bac" providerId="ADAL" clId="{B27A35D8-9177-42CA-8498-80B4504FAB7A}" dt="2020-12-02T02:14:39.181" v="2713" actId="2696"/>
        <pc:sldMkLst>
          <pc:docMk/>
          <pc:sldMk cId="543455538" sldId="311"/>
        </pc:sldMkLst>
      </pc:sldChg>
      <pc:sldChg chg="del">
        <pc:chgData name="Muhammad Hami Asma'l ISMAIL" userId="a8660aee-7994-4c5b-bbca-19bd60ee1bac" providerId="ADAL" clId="{B27A35D8-9177-42CA-8498-80B4504FAB7A}" dt="2020-12-02T02:14:32.377" v="2711" actId="2696"/>
        <pc:sldMkLst>
          <pc:docMk/>
          <pc:sldMk cId="454682639" sldId="312"/>
        </pc:sldMkLst>
      </pc:sldChg>
      <pc:sldChg chg="del">
        <pc:chgData name="Muhammad Hami Asma'l ISMAIL" userId="a8660aee-7994-4c5b-bbca-19bd60ee1bac" providerId="ADAL" clId="{B27A35D8-9177-42CA-8498-80B4504FAB7A}" dt="2020-12-02T02:14:42.706" v="2715" actId="2696"/>
        <pc:sldMkLst>
          <pc:docMk/>
          <pc:sldMk cId="2799171957" sldId="313"/>
        </pc:sldMkLst>
      </pc:sldChg>
      <pc:sldChg chg="modSp ord">
        <pc:chgData name="Muhammad Hami Asma'l ISMAIL" userId="a8660aee-7994-4c5b-bbca-19bd60ee1bac" providerId="ADAL" clId="{B27A35D8-9177-42CA-8498-80B4504FAB7A}" dt="2020-12-02T01:19:36.287" v="1425" actId="20577"/>
        <pc:sldMkLst>
          <pc:docMk/>
          <pc:sldMk cId="2876252340" sldId="314"/>
        </pc:sldMkLst>
        <pc:spChg chg="mod">
          <ac:chgData name="Muhammad Hami Asma'l ISMAIL" userId="a8660aee-7994-4c5b-bbca-19bd60ee1bac" providerId="ADAL" clId="{B27A35D8-9177-42CA-8498-80B4504FAB7A}" dt="2020-12-02T01:17:32.650" v="1408" actId="20577"/>
          <ac:spMkLst>
            <pc:docMk/>
            <pc:sldMk cId="2876252340" sldId="314"/>
            <ac:spMk id="3" creationId="{CCFF808D-EDF7-432E-A2FB-2D2699968C69}"/>
          </ac:spMkLst>
        </pc:spChg>
        <pc:spChg chg="mod">
          <ac:chgData name="Muhammad Hami Asma'l ISMAIL" userId="a8660aee-7994-4c5b-bbca-19bd60ee1bac" providerId="ADAL" clId="{B27A35D8-9177-42CA-8498-80B4504FAB7A}" dt="2020-12-02T01:19:36.287" v="1425" actId="20577"/>
          <ac:spMkLst>
            <pc:docMk/>
            <pc:sldMk cId="2876252340" sldId="314"/>
            <ac:spMk id="6" creationId="{71ABBC49-FBAD-40C0-ACD6-59EEAE1E9428}"/>
          </ac:spMkLst>
        </pc:spChg>
        <pc:spChg chg="mod">
          <ac:chgData name="Muhammad Hami Asma'l ISMAIL" userId="a8660aee-7994-4c5b-bbca-19bd60ee1bac" providerId="ADAL" clId="{B27A35D8-9177-42CA-8498-80B4504FAB7A}" dt="2020-12-02T01:19:31.624" v="1418" actId="20577"/>
          <ac:spMkLst>
            <pc:docMk/>
            <pc:sldMk cId="2876252340" sldId="314"/>
            <ac:spMk id="8" creationId="{CD02CCD4-2B53-4F0A-B994-02ACD5F0E09D}"/>
          </ac:spMkLst>
        </pc:spChg>
      </pc:sldChg>
      <pc:sldChg chg="addSp delSp modSp ord setBg">
        <pc:chgData name="Muhammad Hami Asma'l ISMAIL" userId="a8660aee-7994-4c5b-bbca-19bd60ee1bac" providerId="ADAL" clId="{B27A35D8-9177-42CA-8498-80B4504FAB7A}" dt="2020-12-01T14:37:33.577" v="1127" actId="1076"/>
        <pc:sldMkLst>
          <pc:docMk/>
          <pc:sldMk cId="885242968" sldId="315"/>
        </pc:sldMkLst>
        <pc:spChg chg="mod">
          <ac:chgData name="Muhammad Hami Asma'l ISMAIL" userId="a8660aee-7994-4c5b-bbca-19bd60ee1bac" providerId="ADAL" clId="{B27A35D8-9177-42CA-8498-80B4504FAB7A}" dt="2020-12-01T14:31:18.395" v="981" actId="20577"/>
          <ac:spMkLst>
            <pc:docMk/>
            <pc:sldMk cId="885242968" sldId="315"/>
            <ac:spMk id="4" creationId="{386D4C34-FB77-459C-BFC9-BED4AB4CA10A}"/>
          </ac:spMkLst>
        </pc:spChg>
        <pc:spChg chg="del mod topLvl">
          <ac:chgData name="Muhammad Hami Asma'l ISMAIL" userId="a8660aee-7994-4c5b-bbca-19bd60ee1bac" providerId="ADAL" clId="{B27A35D8-9177-42CA-8498-80B4504FAB7A}" dt="2020-12-01T14:31:37.396" v="985" actId="478"/>
          <ac:spMkLst>
            <pc:docMk/>
            <pc:sldMk cId="885242968" sldId="315"/>
            <ac:spMk id="6" creationId="{BD325B23-26AF-4420-BA42-BC7886C5C584}"/>
          </ac:spMkLst>
        </pc:spChg>
        <pc:spChg chg="del mod topLvl">
          <ac:chgData name="Muhammad Hami Asma'l ISMAIL" userId="a8660aee-7994-4c5b-bbca-19bd60ee1bac" providerId="ADAL" clId="{B27A35D8-9177-42CA-8498-80B4504FAB7A}" dt="2020-12-01T14:22:07.557" v="855" actId="478"/>
          <ac:spMkLst>
            <pc:docMk/>
            <pc:sldMk cId="885242968" sldId="315"/>
            <ac:spMk id="7" creationId="{502B802B-A3C6-4842-9DEA-3D334ED626F6}"/>
          </ac:spMkLst>
        </pc:spChg>
        <pc:spChg chg="del">
          <ac:chgData name="Muhammad Hami Asma'l ISMAIL" userId="a8660aee-7994-4c5b-bbca-19bd60ee1bac" providerId="ADAL" clId="{B27A35D8-9177-42CA-8498-80B4504FAB7A}" dt="2020-12-01T14:30:58.095" v="939" actId="478"/>
          <ac:spMkLst>
            <pc:docMk/>
            <pc:sldMk cId="885242968" sldId="315"/>
            <ac:spMk id="9" creationId="{8783D642-ED0B-4ECB-8487-FD8D32B58705}"/>
          </ac:spMkLst>
        </pc:spChg>
        <pc:spChg chg="del">
          <ac:chgData name="Muhammad Hami Asma'l ISMAIL" userId="a8660aee-7994-4c5b-bbca-19bd60ee1bac" providerId="ADAL" clId="{B27A35D8-9177-42CA-8498-80B4504FAB7A}" dt="2020-12-01T14:31:00.180" v="940" actId="478"/>
          <ac:spMkLst>
            <pc:docMk/>
            <pc:sldMk cId="885242968" sldId="315"/>
            <ac:spMk id="10" creationId="{4DFE27E9-C1DB-43C1-9B6B-74C4CF339766}"/>
          </ac:spMkLst>
        </pc:spChg>
        <pc:spChg chg="add ord">
          <ac:chgData name="Muhammad Hami Asma'l ISMAIL" userId="a8660aee-7994-4c5b-bbca-19bd60ee1bac" providerId="ADAL" clId="{B27A35D8-9177-42CA-8498-80B4504FAB7A}" dt="2020-12-01T14:33:02.315" v="995" actId="167"/>
          <ac:spMkLst>
            <pc:docMk/>
            <pc:sldMk cId="885242968" sldId="315"/>
            <ac:spMk id="14" creationId="{283B6903-B2E8-4C83-B562-BC459BE8F6A7}"/>
          </ac:spMkLst>
        </pc:spChg>
        <pc:grpChg chg="del mod">
          <ac:chgData name="Muhammad Hami Asma'l ISMAIL" userId="a8660aee-7994-4c5b-bbca-19bd60ee1bac" providerId="ADAL" clId="{B27A35D8-9177-42CA-8498-80B4504FAB7A}" dt="2020-12-01T14:22:07.557" v="855" actId="478"/>
          <ac:grpSpMkLst>
            <pc:docMk/>
            <pc:sldMk cId="885242968" sldId="315"/>
            <ac:grpSpMk id="5" creationId="{3FAD9079-BF23-47A6-94A1-23B65FCE3B83}"/>
          </ac:grpSpMkLst>
        </pc:grpChg>
        <pc:picChg chg="add mod">
          <ac:chgData name="Muhammad Hami Asma'l ISMAIL" userId="a8660aee-7994-4c5b-bbca-19bd60ee1bac" providerId="ADAL" clId="{B27A35D8-9177-42CA-8498-80B4504FAB7A}" dt="2020-12-01T14:37:33.577" v="1127" actId="1076"/>
          <ac:picMkLst>
            <pc:docMk/>
            <pc:sldMk cId="885242968" sldId="315"/>
            <ac:picMk id="8" creationId="{F7FD9EF4-48CC-4F56-9D0F-FB10536410CE}"/>
          </ac:picMkLst>
        </pc:picChg>
        <pc:picChg chg="add mod">
          <ac:chgData name="Muhammad Hami Asma'l ISMAIL" userId="a8660aee-7994-4c5b-bbca-19bd60ee1bac" providerId="ADAL" clId="{B27A35D8-9177-42CA-8498-80B4504FAB7A}" dt="2020-12-01T14:37:21.792" v="1125" actId="14100"/>
          <ac:picMkLst>
            <pc:docMk/>
            <pc:sldMk cId="885242968" sldId="315"/>
            <ac:picMk id="11" creationId="{C08B8940-2691-4307-A2DB-C6683930655C}"/>
          </ac:picMkLst>
        </pc:picChg>
        <pc:picChg chg="add del mod">
          <ac:chgData name="Muhammad Hami Asma'l ISMAIL" userId="a8660aee-7994-4c5b-bbca-19bd60ee1bac" providerId="ADAL" clId="{B27A35D8-9177-42CA-8498-80B4504FAB7A}" dt="2020-12-01T14:23:17.908" v="869" actId="478"/>
          <ac:picMkLst>
            <pc:docMk/>
            <pc:sldMk cId="885242968" sldId="315"/>
            <ac:picMk id="12" creationId="{7CB06118-F611-4CDD-B1E9-96DC50056771}"/>
          </ac:picMkLst>
        </pc:picChg>
        <pc:picChg chg="add del mod">
          <ac:chgData name="Muhammad Hami Asma'l ISMAIL" userId="a8660aee-7994-4c5b-bbca-19bd60ee1bac" providerId="ADAL" clId="{B27A35D8-9177-42CA-8498-80B4504FAB7A}" dt="2020-12-01T14:32:08.545" v="989" actId="478"/>
          <ac:picMkLst>
            <pc:docMk/>
            <pc:sldMk cId="885242968" sldId="315"/>
            <ac:picMk id="13" creationId="{EF7F3427-63FB-4534-958F-A131E5D08536}"/>
          </ac:picMkLst>
        </pc:picChg>
      </pc:sldChg>
      <pc:sldChg chg="addSp delSp modSp del ord">
        <pc:chgData name="Muhammad Hami Asma'l ISMAIL" userId="a8660aee-7994-4c5b-bbca-19bd60ee1bac" providerId="ADAL" clId="{B27A35D8-9177-42CA-8498-80B4504FAB7A}" dt="2020-12-02T02:18:53.758" v="2721" actId="2696"/>
        <pc:sldMkLst>
          <pc:docMk/>
          <pc:sldMk cId="1401309028" sldId="317"/>
        </pc:sldMkLst>
        <pc:spChg chg="mod">
          <ac:chgData name="Muhammad Hami Asma'l ISMAIL" userId="a8660aee-7994-4c5b-bbca-19bd60ee1bac" providerId="ADAL" clId="{B27A35D8-9177-42CA-8498-80B4504FAB7A}" dt="2020-12-01T13:25:27.423" v="199" actId="14100"/>
          <ac:spMkLst>
            <pc:docMk/>
            <pc:sldMk cId="1401309028" sldId="317"/>
            <ac:spMk id="2" creationId="{A3499E92-50A7-4680-90CB-41532F4FC718}"/>
          </ac:spMkLst>
        </pc:spChg>
        <pc:spChg chg="mod">
          <ac:chgData name="Muhammad Hami Asma'l ISMAIL" userId="a8660aee-7994-4c5b-bbca-19bd60ee1bac" providerId="ADAL" clId="{B27A35D8-9177-42CA-8498-80B4504FAB7A}" dt="2020-12-01T13:15:11.603" v="157" actId="20577"/>
          <ac:spMkLst>
            <pc:docMk/>
            <pc:sldMk cId="1401309028" sldId="317"/>
            <ac:spMk id="5" creationId="{8591A18A-7559-4485-BC2C-6ACBBA9F87DF}"/>
          </ac:spMkLst>
        </pc:spChg>
        <pc:spChg chg="mod">
          <ac:chgData name="Muhammad Hami Asma'l ISMAIL" userId="a8660aee-7994-4c5b-bbca-19bd60ee1bac" providerId="ADAL" clId="{B27A35D8-9177-42CA-8498-80B4504FAB7A}" dt="2020-12-01T13:15:22.236" v="174" actId="20577"/>
          <ac:spMkLst>
            <pc:docMk/>
            <pc:sldMk cId="1401309028" sldId="317"/>
            <ac:spMk id="9" creationId="{EC79CA3D-1245-4812-BE2C-A17717D31459}"/>
          </ac:spMkLst>
        </pc:spChg>
        <pc:spChg chg="mod">
          <ac:chgData name="Muhammad Hami Asma'l ISMAIL" userId="a8660aee-7994-4c5b-bbca-19bd60ee1bac" providerId="ADAL" clId="{B27A35D8-9177-42CA-8498-80B4504FAB7A}" dt="2020-12-01T13:15:51.373" v="197" actId="20577"/>
          <ac:spMkLst>
            <pc:docMk/>
            <pc:sldMk cId="1401309028" sldId="317"/>
            <ac:spMk id="13" creationId="{5A5757E4-1723-4073-9FC5-1D351F20A151}"/>
          </ac:spMkLst>
        </pc:spChg>
        <pc:spChg chg="mod">
          <ac:chgData name="Muhammad Hami Asma'l ISMAIL" userId="a8660aee-7994-4c5b-bbca-19bd60ee1bac" providerId="ADAL" clId="{B27A35D8-9177-42CA-8498-80B4504FAB7A}" dt="2020-12-01T13:28:35.291" v="288" actId="20577"/>
          <ac:spMkLst>
            <pc:docMk/>
            <pc:sldMk cId="1401309028" sldId="317"/>
            <ac:spMk id="17" creationId="{493DF382-44DD-45C3-9704-34E8893BC3AC}"/>
          </ac:spMkLst>
        </pc:spChg>
        <pc:spChg chg="mod">
          <ac:chgData name="Muhammad Hami Asma'l ISMAIL" userId="a8660aee-7994-4c5b-bbca-19bd60ee1bac" providerId="ADAL" clId="{B27A35D8-9177-42CA-8498-80B4504FAB7A}" dt="2020-12-01T13:14:30.335" v="128" actId="20577"/>
          <ac:spMkLst>
            <pc:docMk/>
            <pc:sldMk cId="1401309028" sldId="317"/>
            <ac:spMk id="19" creationId="{042C12F7-AE9B-40D2-A6C4-2F1B6BC860EE}"/>
          </ac:spMkLst>
        </pc:spChg>
        <pc:spChg chg="add del mod">
          <ac:chgData name="Muhammad Hami Asma'l ISMAIL" userId="a8660aee-7994-4c5b-bbca-19bd60ee1bac" providerId="ADAL" clId="{B27A35D8-9177-42CA-8498-80B4504FAB7A}" dt="2020-12-01T13:26:54.134" v="203" actId="478"/>
          <ac:spMkLst>
            <pc:docMk/>
            <pc:sldMk cId="1401309028" sldId="317"/>
            <ac:spMk id="20" creationId="{7A95D97C-2404-42D6-956C-0AB808CF5E47}"/>
          </ac:spMkLst>
        </pc:spChg>
        <pc:spChg chg="add del mod">
          <ac:chgData name="Muhammad Hami Asma'l ISMAIL" userId="a8660aee-7994-4c5b-bbca-19bd60ee1bac" providerId="ADAL" clId="{B27A35D8-9177-42CA-8498-80B4504FAB7A}" dt="2020-12-01T13:26:54.134" v="203" actId="478"/>
          <ac:spMkLst>
            <pc:docMk/>
            <pc:sldMk cId="1401309028" sldId="317"/>
            <ac:spMk id="21" creationId="{DE3E8AFA-4F89-4E80-A3B9-634CCCD91EE1}"/>
          </ac:spMkLst>
        </pc:spChg>
        <pc:spChg chg="add del mod">
          <ac:chgData name="Muhammad Hami Asma'l ISMAIL" userId="a8660aee-7994-4c5b-bbca-19bd60ee1bac" providerId="ADAL" clId="{B27A35D8-9177-42CA-8498-80B4504FAB7A}" dt="2020-12-01T13:26:54.134" v="203" actId="478"/>
          <ac:spMkLst>
            <pc:docMk/>
            <pc:sldMk cId="1401309028" sldId="317"/>
            <ac:spMk id="25" creationId="{9C43603A-55D9-413D-AECF-6CB700639D57}"/>
          </ac:spMkLst>
        </pc:spChg>
        <pc:spChg chg="add del mod">
          <ac:chgData name="Muhammad Hami Asma'l ISMAIL" userId="a8660aee-7994-4c5b-bbca-19bd60ee1bac" providerId="ADAL" clId="{B27A35D8-9177-42CA-8498-80B4504FAB7A}" dt="2020-12-01T13:26:54.134" v="203" actId="478"/>
          <ac:spMkLst>
            <pc:docMk/>
            <pc:sldMk cId="1401309028" sldId="317"/>
            <ac:spMk id="29" creationId="{F6770BAD-DC38-4E7F-9369-F399557F868C}"/>
          </ac:spMkLst>
        </pc:spChg>
        <pc:spChg chg="add del mod">
          <ac:chgData name="Muhammad Hami Asma'l ISMAIL" userId="a8660aee-7994-4c5b-bbca-19bd60ee1bac" providerId="ADAL" clId="{B27A35D8-9177-42CA-8498-80B4504FAB7A}" dt="2020-12-01T13:26:54.134" v="203" actId="478"/>
          <ac:spMkLst>
            <pc:docMk/>
            <pc:sldMk cId="1401309028" sldId="317"/>
            <ac:spMk id="33" creationId="{FFE2DE38-A807-4128-B165-B43576AF7E33}"/>
          </ac:spMkLst>
        </pc:spChg>
        <pc:spChg chg="add del mod">
          <ac:chgData name="Muhammad Hami Asma'l ISMAIL" userId="a8660aee-7994-4c5b-bbca-19bd60ee1bac" providerId="ADAL" clId="{B27A35D8-9177-42CA-8498-80B4504FAB7A}" dt="2020-12-01T13:26:54.134" v="203" actId="478"/>
          <ac:spMkLst>
            <pc:docMk/>
            <pc:sldMk cId="1401309028" sldId="317"/>
            <ac:spMk id="37" creationId="{604D7F03-F7A4-43A6-B511-1A7ACF43FA2C}"/>
          </ac:spMkLst>
        </pc:spChg>
        <pc:grpChg chg="add del mod">
          <ac:chgData name="Muhammad Hami Asma'l ISMAIL" userId="a8660aee-7994-4c5b-bbca-19bd60ee1bac" providerId="ADAL" clId="{B27A35D8-9177-42CA-8498-80B4504FAB7A}" dt="2020-12-01T13:26:54.134" v="203" actId="478"/>
          <ac:grpSpMkLst>
            <pc:docMk/>
            <pc:sldMk cId="1401309028" sldId="317"/>
            <ac:grpSpMk id="22" creationId="{0E7216CF-9733-4CB2-9ABC-85141B3848AF}"/>
          </ac:grpSpMkLst>
        </pc:grpChg>
        <pc:grpChg chg="add del mod">
          <ac:chgData name="Muhammad Hami Asma'l ISMAIL" userId="a8660aee-7994-4c5b-bbca-19bd60ee1bac" providerId="ADAL" clId="{B27A35D8-9177-42CA-8498-80B4504FAB7A}" dt="2020-12-01T13:26:54.134" v="203" actId="478"/>
          <ac:grpSpMkLst>
            <pc:docMk/>
            <pc:sldMk cId="1401309028" sldId="317"/>
            <ac:grpSpMk id="26" creationId="{1342472E-503F-40CD-97F3-A65D07DC327A}"/>
          </ac:grpSpMkLst>
        </pc:grpChg>
        <pc:grpChg chg="add del mod">
          <ac:chgData name="Muhammad Hami Asma'l ISMAIL" userId="a8660aee-7994-4c5b-bbca-19bd60ee1bac" providerId="ADAL" clId="{B27A35D8-9177-42CA-8498-80B4504FAB7A}" dt="2020-12-01T13:26:54.134" v="203" actId="478"/>
          <ac:grpSpMkLst>
            <pc:docMk/>
            <pc:sldMk cId="1401309028" sldId="317"/>
            <ac:grpSpMk id="30" creationId="{1EEBB3D1-D096-4B1C-9E21-C3023DC443C0}"/>
          </ac:grpSpMkLst>
        </pc:grpChg>
        <pc:grpChg chg="add del mod">
          <ac:chgData name="Muhammad Hami Asma'l ISMAIL" userId="a8660aee-7994-4c5b-bbca-19bd60ee1bac" providerId="ADAL" clId="{B27A35D8-9177-42CA-8498-80B4504FAB7A}" dt="2020-12-01T13:26:54.134" v="203" actId="478"/>
          <ac:grpSpMkLst>
            <pc:docMk/>
            <pc:sldMk cId="1401309028" sldId="317"/>
            <ac:grpSpMk id="34" creationId="{4A57BEBF-68B0-44A5-A88A-AC3AC3B533EF}"/>
          </ac:grpSpMkLst>
        </pc:grpChg>
      </pc:sldChg>
      <pc:sldChg chg="del">
        <pc:chgData name="Muhammad Hami Asma'l ISMAIL" userId="a8660aee-7994-4c5b-bbca-19bd60ee1bac" providerId="ADAL" clId="{B27A35D8-9177-42CA-8498-80B4504FAB7A}" dt="2020-12-02T02:13:32.062" v="2697" actId="2696"/>
        <pc:sldMkLst>
          <pc:docMk/>
          <pc:sldMk cId="1696856416" sldId="318"/>
        </pc:sldMkLst>
      </pc:sldChg>
      <pc:sldChg chg="del">
        <pc:chgData name="Muhammad Hami Asma'l ISMAIL" userId="a8660aee-7994-4c5b-bbca-19bd60ee1bac" providerId="ADAL" clId="{B27A35D8-9177-42CA-8498-80B4504FAB7A}" dt="2020-12-02T02:13:33.736" v="2699" actId="2696"/>
        <pc:sldMkLst>
          <pc:docMk/>
          <pc:sldMk cId="1742988478" sldId="319"/>
        </pc:sldMkLst>
      </pc:sldChg>
      <pc:sldChg chg="del">
        <pc:chgData name="Muhammad Hami Asma'l ISMAIL" userId="a8660aee-7994-4c5b-bbca-19bd60ee1bac" providerId="ADAL" clId="{B27A35D8-9177-42CA-8498-80B4504FAB7A}" dt="2020-12-02T02:14:33.720" v="2712" actId="2696"/>
        <pc:sldMkLst>
          <pc:docMk/>
          <pc:sldMk cId="122165027" sldId="320"/>
        </pc:sldMkLst>
      </pc:sldChg>
      <pc:sldChg chg="del">
        <pc:chgData name="Muhammad Hami Asma'l ISMAIL" userId="a8660aee-7994-4c5b-bbca-19bd60ee1bac" providerId="ADAL" clId="{B27A35D8-9177-42CA-8498-80B4504FAB7A}" dt="2020-12-02T02:14:44.686" v="2717" actId="2696"/>
        <pc:sldMkLst>
          <pc:docMk/>
          <pc:sldMk cId="2487105098" sldId="339"/>
        </pc:sldMkLst>
      </pc:sldChg>
      <pc:sldChg chg="addSp delSp modSp add">
        <pc:chgData name="Muhammad Hami Asma'l ISMAIL" userId="a8660aee-7994-4c5b-bbca-19bd60ee1bac" providerId="ADAL" clId="{B27A35D8-9177-42CA-8498-80B4504FAB7A}" dt="2020-12-02T02:24:00.094" v="3258" actId="20577"/>
        <pc:sldMkLst>
          <pc:docMk/>
          <pc:sldMk cId="1263766697" sldId="340"/>
        </pc:sldMkLst>
        <pc:spChg chg="add del">
          <ac:chgData name="Muhammad Hami Asma'l ISMAIL" userId="a8660aee-7994-4c5b-bbca-19bd60ee1bac" providerId="ADAL" clId="{B27A35D8-9177-42CA-8498-80B4504FAB7A}" dt="2020-12-02T00:48:34.944" v="1269" actId="478"/>
          <ac:spMkLst>
            <pc:docMk/>
            <pc:sldMk cId="1263766697" sldId="340"/>
            <ac:spMk id="2" creationId="{A3499E92-50A7-4680-90CB-41532F4FC718}"/>
          </ac:spMkLst>
        </pc:spChg>
        <pc:spChg chg="add del mod">
          <ac:chgData name="Muhammad Hami Asma'l ISMAIL" userId="a8660aee-7994-4c5b-bbca-19bd60ee1bac" providerId="ADAL" clId="{B27A35D8-9177-42CA-8498-80B4504FAB7A}" dt="2020-12-02T02:23:39.804" v="3229" actId="20577"/>
          <ac:spMkLst>
            <pc:docMk/>
            <pc:sldMk cId="1263766697" sldId="340"/>
            <ac:spMk id="3" creationId="{993B75C5-9BDB-4B5F-AB3F-CB12A702F1F8}"/>
          </ac:spMkLst>
        </pc:spChg>
        <pc:spChg chg="mod">
          <ac:chgData name="Muhammad Hami Asma'l ISMAIL" userId="a8660aee-7994-4c5b-bbca-19bd60ee1bac" providerId="ADAL" clId="{B27A35D8-9177-42CA-8498-80B4504FAB7A}" dt="2020-12-01T13:29:50.362" v="369" actId="20577"/>
          <ac:spMkLst>
            <pc:docMk/>
            <pc:sldMk cId="1263766697" sldId="340"/>
            <ac:spMk id="5" creationId="{8591A18A-7559-4485-BC2C-6ACBBA9F87DF}"/>
          </ac:spMkLst>
        </pc:spChg>
        <pc:spChg chg="mod">
          <ac:chgData name="Muhammad Hami Asma'l ISMAIL" userId="a8660aee-7994-4c5b-bbca-19bd60ee1bac" providerId="ADAL" clId="{B27A35D8-9177-42CA-8498-80B4504FAB7A}" dt="2020-12-01T13:30:43.885" v="437" actId="20577"/>
          <ac:spMkLst>
            <pc:docMk/>
            <pc:sldMk cId="1263766697" sldId="340"/>
            <ac:spMk id="6" creationId="{95E3BD7D-EEC6-41FC-867D-95F2B71346B3}"/>
          </ac:spMkLst>
        </pc:spChg>
        <pc:spChg chg="add del mod">
          <ac:chgData name="Muhammad Hami Asma'l ISMAIL" userId="a8660aee-7994-4c5b-bbca-19bd60ee1bac" providerId="ADAL" clId="{B27A35D8-9177-42CA-8498-80B4504FAB7A}" dt="2020-12-02T02:22:24.488" v="3102" actId="20577"/>
          <ac:spMkLst>
            <pc:docMk/>
            <pc:sldMk cId="1263766697" sldId="340"/>
            <ac:spMk id="7" creationId="{38A41E9E-1812-4ACE-A417-73C9AF47F355}"/>
          </ac:spMkLst>
        </pc:spChg>
        <pc:spChg chg="mod">
          <ac:chgData name="Muhammad Hami Asma'l ISMAIL" userId="a8660aee-7994-4c5b-bbca-19bd60ee1bac" providerId="ADAL" clId="{B27A35D8-9177-42CA-8498-80B4504FAB7A}" dt="2020-12-01T13:30:05.288" v="385" actId="20577"/>
          <ac:spMkLst>
            <pc:docMk/>
            <pc:sldMk cId="1263766697" sldId="340"/>
            <ac:spMk id="9" creationId="{EC79CA3D-1245-4812-BE2C-A17717D31459}"/>
          </ac:spMkLst>
        </pc:spChg>
        <pc:spChg chg="mod">
          <ac:chgData name="Muhammad Hami Asma'l ISMAIL" userId="a8660aee-7994-4c5b-bbca-19bd60ee1bac" providerId="ADAL" clId="{B27A35D8-9177-42CA-8498-80B4504FAB7A}" dt="2020-12-01T13:30:46.130" v="438" actId="20577"/>
          <ac:spMkLst>
            <pc:docMk/>
            <pc:sldMk cId="1263766697" sldId="340"/>
            <ac:spMk id="10" creationId="{F627DDE9-FE7C-4B7E-A047-E092B6A88859}"/>
          </ac:spMkLst>
        </pc:spChg>
        <pc:spChg chg="add del mod">
          <ac:chgData name="Muhammad Hami Asma'l ISMAIL" userId="a8660aee-7994-4c5b-bbca-19bd60ee1bac" providerId="ADAL" clId="{B27A35D8-9177-42CA-8498-80B4504FAB7A}" dt="2020-12-02T02:23:11.339" v="3197" actId="20577"/>
          <ac:spMkLst>
            <pc:docMk/>
            <pc:sldMk cId="1263766697" sldId="340"/>
            <ac:spMk id="11" creationId="{15E1B5E5-22C6-4CAE-BC59-0EB34CC7C043}"/>
          </ac:spMkLst>
        </pc:spChg>
        <pc:spChg chg="mod">
          <ac:chgData name="Muhammad Hami Asma'l ISMAIL" userId="a8660aee-7994-4c5b-bbca-19bd60ee1bac" providerId="ADAL" clId="{B27A35D8-9177-42CA-8498-80B4504FAB7A}" dt="2020-12-01T13:30:30.518" v="420" actId="20577"/>
          <ac:spMkLst>
            <pc:docMk/>
            <pc:sldMk cId="1263766697" sldId="340"/>
            <ac:spMk id="13" creationId="{5A5757E4-1723-4073-9FC5-1D351F20A151}"/>
          </ac:spMkLst>
        </pc:spChg>
        <pc:spChg chg="mod">
          <ac:chgData name="Muhammad Hami Asma'l ISMAIL" userId="a8660aee-7994-4c5b-bbca-19bd60ee1bac" providerId="ADAL" clId="{B27A35D8-9177-42CA-8498-80B4504FAB7A}" dt="2020-12-01T13:30:48.162" v="439" actId="20577"/>
          <ac:spMkLst>
            <pc:docMk/>
            <pc:sldMk cId="1263766697" sldId="340"/>
            <ac:spMk id="14" creationId="{D7B9AF74-CA02-49F9-88D7-98D77F70D10F}"/>
          </ac:spMkLst>
        </pc:spChg>
        <pc:spChg chg="add del mod">
          <ac:chgData name="Muhammad Hami Asma'l ISMAIL" userId="a8660aee-7994-4c5b-bbca-19bd60ee1bac" providerId="ADAL" clId="{B27A35D8-9177-42CA-8498-80B4504FAB7A}" dt="2020-12-02T02:24:00.094" v="3258" actId="20577"/>
          <ac:spMkLst>
            <pc:docMk/>
            <pc:sldMk cId="1263766697" sldId="340"/>
            <ac:spMk id="15" creationId="{437A4661-D2A4-40E5-9248-83B3298A506A}"/>
          </ac:spMkLst>
        </pc:spChg>
        <pc:spChg chg="mod">
          <ac:chgData name="Muhammad Hami Asma'l ISMAIL" userId="a8660aee-7994-4c5b-bbca-19bd60ee1bac" providerId="ADAL" clId="{B27A35D8-9177-42CA-8498-80B4504FAB7A}" dt="2020-12-01T13:30:37.590" v="436" actId="20577"/>
          <ac:spMkLst>
            <pc:docMk/>
            <pc:sldMk cId="1263766697" sldId="340"/>
            <ac:spMk id="17" creationId="{493DF382-44DD-45C3-9704-34E8893BC3AC}"/>
          </ac:spMkLst>
        </pc:spChg>
        <pc:spChg chg="mod">
          <ac:chgData name="Muhammad Hami Asma'l ISMAIL" userId="a8660aee-7994-4c5b-bbca-19bd60ee1bac" providerId="ADAL" clId="{B27A35D8-9177-42CA-8498-80B4504FAB7A}" dt="2020-12-01T13:30:51.681" v="440" actId="20577"/>
          <ac:spMkLst>
            <pc:docMk/>
            <pc:sldMk cId="1263766697" sldId="340"/>
            <ac:spMk id="18" creationId="{8611BD74-B8C0-4D62-99FC-2DBC909A434D}"/>
          </ac:spMkLst>
        </pc:spChg>
        <pc:spChg chg="del">
          <ac:chgData name="Muhammad Hami Asma'l ISMAIL" userId="a8660aee-7994-4c5b-bbca-19bd60ee1bac" providerId="ADAL" clId="{B27A35D8-9177-42CA-8498-80B4504FAB7A}" dt="2020-12-01T13:30:59.958" v="441" actId="478"/>
          <ac:spMkLst>
            <pc:docMk/>
            <pc:sldMk cId="1263766697" sldId="340"/>
            <ac:spMk id="19" creationId="{042C12F7-AE9B-40D2-A6C4-2F1B6BC860EE}"/>
          </ac:spMkLst>
        </pc:spChg>
        <pc:spChg chg="add del mod">
          <ac:chgData name="Muhammad Hami Asma'l ISMAIL" userId="a8660aee-7994-4c5b-bbca-19bd60ee1bac" providerId="ADAL" clId="{B27A35D8-9177-42CA-8498-80B4504FAB7A}" dt="2020-12-02T02:19:47.330" v="2811" actId="20577"/>
          <ac:spMkLst>
            <pc:docMk/>
            <pc:sldMk cId="1263766697" sldId="340"/>
            <ac:spMk id="21" creationId="{DE3E8AFA-4F89-4E80-A3B9-634CCCD91EE1}"/>
          </ac:spMkLst>
        </pc:spChg>
        <pc:spChg chg="mod">
          <ac:chgData name="Muhammad Hami Asma'l ISMAIL" userId="a8660aee-7994-4c5b-bbca-19bd60ee1bac" providerId="ADAL" clId="{B27A35D8-9177-42CA-8498-80B4504FAB7A}" dt="2020-12-01T13:28:56.238" v="316" actId="20577"/>
          <ac:spMkLst>
            <pc:docMk/>
            <pc:sldMk cId="1263766697" sldId="340"/>
            <ac:spMk id="23" creationId="{BE6B9C32-7E9B-4F31-AD9E-35D523E64D12}"/>
          </ac:spMkLst>
        </pc:spChg>
        <pc:spChg chg="add del mod">
          <ac:chgData name="Muhammad Hami Asma'l ISMAIL" userId="a8660aee-7994-4c5b-bbca-19bd60ee1bac" providerId="ADAL" clId="{B27A35D8-9177-42CA-8498-80B4504FAB7A}" dt="2020-12-02T02:20:11.819" v="2846" actId="20577"/>
          <ac:spMkLst>
            <pc:docMk/>
            <pc:sldMk cId="1263766697" sldId="340"/>
            <ac:spMk id="25" creationId="{9C43603A-55D9-413D-AECF-6CB700639D57}"/>
          </ac:spMkLst>
        </pc:spChg>
        <pc:spChg chg="mod">
          <ac:chgData name="Muhammad Hami Asma'l ISMAIL" userId="a8660aee-7994-4c5b-bbca-19bd60ee1bac" providerId="ADAL" clId="{B27A35D8-9177-42CA-8498-80B4504FAB7A}" dt="2020-12-01T13:29:11.162" v="337" actId="20577"/>
          <ac:spMkLst>
            <pc:docMk/>
            <pc:sldMk cId="1263766697" sldId="340"/>
            <ac:spMk id="27" creationId="{7EB3C589-4DCF-4BE4-84D4-CC3D5CCF0963}"/>
          </ac:spMkLst>
        </pc:spChg>
        <pc:spChg chg="add del mod">
          <ac:chgData name="Muhammad Hami Asma'l ISMAIL" userId="a8660aee-7994-4c5b-bbca-19bd60ee1bac" providerId="ADAL" clId="{B27A35D8-9177-42CA-8498-80B4504FAB7A}" dt="2020-12-02T02:21:00.861" v="2969" actId="20577"/>
          <ac:spMkLst>
            <pc:docMk/>
            <pc:sldMk cId="1263766697" sldId="340"/>
            <ac:spMk id="29" creationId="{F6770BAD-DC38-4E7F-9369-F399557F868C}"/>
          </ac:spMkLst>
        </pc:spChg>
        <pc:spChg chg="mod">
          <ac:chgData name="Muhammad Hami Asma'l ISMAIL" userId="a8660aee-7994-4c5b-bbca-19bd60ee1bac" providerId="ADAL" clId="{B27A35D8-9177-42CA-8498-80B4504FAB7A}" dt="2020-12-01T13:29:03.010" v="317"/>
          <ac:spMkLst>
            <pc:docMk/>
            <pc:sldMk cId="1263766697" sldId="340"/>
            <ac:spMk id="31" creationId="{C987E39A-FD22-457A-BD46-C5CEFF3E3DDE}"/>
          </ac:spMkLst>
        </pc:spChg>
        <pc:spChg chg="add del mod">
          <ac:chgData name="Muhammad Hami Asma'l ISMAIL" userId="a8660aee-7994-4c5b-bbca-19bd60ee1bac" providerId="ADAL" clId="{B27A35D8-9177-42CA-8498-80B4504FAB7A}" dt="2020-12-02T02:21:19.491" v="3015" actId="20577"/>
          <ac:spMkLst>
            <pc:docMk/>
            <pc:sldMk cId="1263766697" sldId="340"/>
            <ac:spMk id="33" creationId="{FFE2DE38-A807-4128-B165-B43576AF7E33}"/>
          </ac:spMkLst>
        </pc:spChg>
        <pc:spChg chg="mod">
          <ac:chgData name="Muhammad Hami Asma'l ISMAIL" userId="a8660aee-7994-4c5b-bbca-19bd60ee1bac" providerId="ADAL" clId="{B27A35D8-9177-42CA-8498-80B4504FAB7A}" dt="2020-12-01T13:29:22.152" v="358" actId="20577"/>
          <ac:spMkLst>
            <pc:docMk/>
            <pc:sldMk cId="1263766697" sldId="340"/>
            <ac:spMk id="35" creationId="{37C7743D-5515-475B-BFCA-138390631AF1}"/>
          </ac:spMkLst>
        </pc:spChg>
      </pc:sldChg>
      <pc:sldChg chg="addSp delSp modSp add setBg">
        <pc:chgData name="Muhammad Hami Asma'l ISMAIL" userId="a8660aee-7994-4c5b-bbca-19bd60ee1bac" providerId="ADAL" clId="{B27A35D8-9177-42CA-8498-80B4504FAB7A}" dt="2020-12-01T14:36:18.647" v="1118" actId="1076"/>
        <pc:sldMkLst>
          <pc:docMk/>
          <pc:sldMk cId="1144957684" sldId="341"/>
        </pc:sldMkLst>
        <pc:spChg chg="mod">
          <ac:chgData name="Muhammad Hami Asma'l ISMAIL" userId="a8660aee-7994-4c5b-bbca-19bd60ee1bac" providerId="ADAL" clId="{B27A35D8-9177-42CA-8498-80B4504FAB7A}" dt="2020-12-01T14:34:52.253" v="1030" actId="14100"/>
          <ac:spMkLst>
            <pc:docMk/>
            <pc:sldMk cId="1144957684" sldId="341"/>
            <ac:spMk id="4" creationId="{386D4C34-FB77-459C-BFC9-BED4AB4CA10A}"/>
          </ac:spMkLst>
        </pc:spChg>
        <pc:spChg chg="del">
          <ac:chgData name="Muhammad Hami Asma'l ISMAIL" userId="a8660aee-7994-4c5b-bbca-19bd60ee1bac" providerId="ADAL" clId="{B27A35D8-9177-42CA-8498-80B4504FAB7A}" dt="2020-12-01T14:33:12.931" v="996" actId="478"/>
          <ac:spMkLst>
            <pc:docMk/>
            <pc:sldMk cId="1144957684" sldId="341"/>
            <ac:spMk id="6" creationId="{BD325B23-26AF-4420-BA42-BC7886C5C584}"/>
          </ac:spMkLst>
        </pc:spChg>
        <pc:spChg chg="del">
          <ac:chgData name="Muhammad Hami Asma'l ISMAIL" userId="a8660aee-7994-4c5b-bbca-19bd60ee1bac" providerId="ADAL" clId="{B27A35D8-9177-42CA-8498-80B4504FAB7A}" dt="2020-12-01T14:26:48.208" v="902" actId="478"/>
          <ac:spMkLst>
            <pc:docMk/>
            <pc:sldMk cId="1144957684" sldId="341"/>
            <ac:spMk id="9" creationId="{8783D642-ED0B-4ECB-8487-FD8D32B58705}"/>
          </ac:spMkLst>
        </pc:spChg>
        <pc:spChg chg="del">
          <ac:chgData name="Muhammad Hami Asma'l ISMAIL" userId="a8660aee-7994-4c5b-bbca-19bd60ee1bac" providerId="ADAL" clId="{B27A35D8-9177-42CA-8498-80B4504FAB7A}" dt="2020-12-01T14:34:14.798" v="1009" actId="478"/>
          <ac:spMkLst>
            <pc:docMk/>
            <pc:sldMk cId="1144957684" sldId="341"/>
            <ac:spMk id="10" creationId="{4DFE27E9-C1DB-43C1-9B6B-74C4CF339766}"/>
          </ac:spMkLst>
        </pc:spChg>
        <pc:spChg chg="add ord">
          <ac:chgData name="Muhammad Hami Asma'l ISMAIL" userId="a8660aee-7994-4c5b-bbca-19bd60ee1bac" providerId="ADAL" clId="{B27A35D8-9177-42CA-8498-80B4504FAB7A}" dt="2020-12-01T14:33:18.556" v="998" actId="167"/>
          <ac:spMkLst>
            <pc:docMk/>
            <pc:sldMk cId="1144957684" sldId="341"/>
            <ac:spMk id="17" creationId="{74792BEC-53B8-4B7B-B3E1-626E0266CAB2}"/>
          </ac:spMkLst>
        </pc:spChg>
        <pc:spChg chg="add mod">
          <ac:chgData name="Muhammad Hami Asma'l ISMAIL" userId="a8660aee-7994-4c5b-bbca-19bd60ee1bac" providerId="ADAL" clId="{B27A35D8-9177-42CA-8498-80B4504FAB7A}" dt="2020-12-01T14:35:41.741" v="1039" actId="1076"/>
          <ac:spMkLst>
            <pc:docMk/>
            <pc:sldMk cId="1144957684" sldId="341"/>
            <ac:spMk id="18" creationId="{D126FF58-C7B3-4E21-A28D-F061F0CDFFDF}"/>
          </ac:spMkLst>
        </pc:spChg>
        <pc:spChg chg="add mod">
          <ac:chgData name="Muhammad Hami Asma'l ISMAIL" userId="a8660aee-7994-4c5b-bbca-19bd60ee1bac" providerId="ADAL" clId="{B27A35D8-9177-42CA-8498-80B4504FAB7A}" dt="2020-12-01T14:36:18.647" v="1118" actId="1076"/>
          <ac:spMkLst>
            <pc:docMk/>
            <pc:sldMk cId="1144957684" sldId="341"/>
            <ac:spMk id="19" creationId="{26B32229-BDE9-4026-AF38-FA0C24EC62D5}"/>
          </ac:spMkLst>
        </pc:spChg>
        <pc:picChg chg="del">
          <ac:chgData name="Muhammad Hami Asma'l ISMAIL" userId="a8660aee-7994-4c5b-bbca-19bd60ee1bac" providerId="ADAL" clId="{B27A35D8-9177-42CA-8498-80B4504FAB7A}" dt="2020-12-01T14:25:01.324" v="885" actId="478"/>
          <ac:picMkLst>
            <pc:docMk/>
            <pc:sldMk cId="1144957684" sldId="341"/>
            <ac:picMk id="8" creationId="{F7FD9EF4-48CC-4F56-9D0F-FB10536410CE}"/>
          </ac:picMkLst>
        </pc:picChg>
        <pc:picChg chg="del">
          <ac:chgData name="Muhammad Hami Asma'l ISMAIL" userId="a8660aee-7994-4c5b-bbca-19bd60ee1bac" providerId="ADAL" clId="{B27A35D8-9177-42CA-8498-80B4504FAB7A}" dt="2020-12-01T14:25:02.546" v="887" actId="478"/>
          <ac:picMkLst>
            <pc:docMk/>
            <pc:sldMk cId="1144957684" sldId="341"/>
            <ac:picMk id="11" creationId="{C08B8940-2691-4307-A2DB-C6683930655C}"/>
          </ac:picMkLst>
        </pc:picChg>
        <pc:picChg chg="add del mod">
          <ac:chgData name="Muhammad Hami Asma'l ISMAIL" userId="a8660aee-7994-4c5b-bbca-19bd60ee1bac" providerId="ADAL" clId="{B27A35D8-9177-42CA-8498-80B4504FAB7A}" dt="2020-12-01T14:34:05.621" v="1007" actId="478"/>
          <ac:picMkLst>
            <pc:docMk/>
            <pc:sldMk cId="1144957684" sldId="341"/>
            <ac:picMk id="12" creationId="{277B187B-A08C-4BE2-B8A0-B77D91A8B06E}"/>
          </ac:picMkLst>
        </pc:picChg>
        <pc:picChg chg="del">
          <ac:chgData name="Muhammad Hami Asma'l ISMAIL" userId="a8660aee-7994-4c5b-bbca-19bd60ee1bac" providerId="ADAL" clId="{B27A35D8-9177-42CA-8498-80B4504FAB7A}" dt="2020-12-01T14:25:02.042" v="886" actId="478"/>
          <ac:picMkLst>
            <pc:docMk/>
            <pc:sldMk cId="1144957684" sldId="341"/>
            <ac:picMk id="13" creationId="{EF7F3427-63FB-4534-958F-A131E5D08536}"/>
          </ac:picMkLst>
        </pc:picChg>
        <pc:picChg chg="add del mod">
          <ac:chgData name="Muhammad Hami Asma'l ISMAIL" userId="a8660aee-7994-4c5b-bbca-19bd60ee1bac" providerId="ADAL" clId="{B27A35D8-9177-42CA-8498-80B4504FAB7A}" dt="2020-12-01T14:34:04.394" v="1006" actId="478"/>
          <ac:picMkLst>
            <pc:docMk/>
            <pc:sldMk cId="1144957684" sldId="341"/>
            <ac:picMk id="14" creationId="{FBB8679C-6777-48E0-BD8D-68E7C503D743}"/>
          </ac:picMkLst>
        </pc:picChg>
        <pc:picChg chg="add mod">
          <ac:chgData name="Muhammad Hami Asma'l ISMAIL" userId="a8660aee-7994-4c5b-bbca-19bd60ee1bac" providerId="ADAL" clId="{B27A35D8-9177-42CA-8498-80B4504FAB7A}" dt="2020-12-01T14:35:23.598" v="1037" actId="14100"/>
          <ac:picMkLst>
            <pc:docMk/>
            <pc:sldMk cId="1144957684" sldId="341"/>
            <ac:picMk id="15" creationId="{7E422FBC-AC50-40C3-9338-EE4993233226}"/>
          </ac:picMkLst>
        </pc:picChg>
        <pc:picChg chg="add del mod">
          <ac:chgData name="Muhammad Hami Asma'l ISMAIL" userId="a8660aee-7994-4c5b-bbca-19bd60ee1bac" providerId="ADAL" clId="{B27A35D8-9177-42CA-8498-80B4504FAB7A}" dt="2020-12-01T14:33:57.314" v="1004" actId="478"/>
          <ac:picMkLst>
            <pc:docMk/>
            <pc:sldMk cId="1144957684" sldId="341"/>
            <ac:picMk id="16" creationId="{6E9E34E1-1A85-4985-8748-E5122AD6CC5F}"/>
          </ac:picMkLst>
        </pc:picChg>
      </pc:sldChg>
      <pc:sldChg chg="addSp delSp modSp add ord setBg">
        <pc:chgData name="Muhammad Hami Asma'l ISMAIL" userId="a8660aee-7994-4c5b-bbca-19bd60ee1bac" providerId="ADAL" clId="{B27A35D8-9177-42CA-8498-80B4504FAB7A}" dt="2020-12-01T14:41:47.679" v="1179" actId="478"/>
        <pc:sldMkLst>
          <pc:docMk/>
          <pc:sldMk cId="390066068" sldId="342"/>
        </pc:sldMkLst>
        <pc:spChg chg="mod">
          <ac:chgData name="Muhammad Hami Asma'l ISMAIL" userId="a8660aee-7994-4c5b-bbca-19bd60ee1bac" providerId="ADAL" clId="{B27A35D8-9177-42CA-8498-80B4504FAB7A}" dt="2020-12-01T14:28:17.771" v="923" actId="20577"/>
          <ac:spMkLst>
            <pc:docMk/>
            <pc:sldMk cId="390066068" sldId="342"/>
            <ac:spMk id="4" creationId="{386D4C34-FB77-459C-BFC9-BED4AB4CA10A}"/>
          </ac:spMkLst>
        </pc:spChg>
        <pc:spChg chg="del">
          <ac:chgData name="Muhammad Hami Asma'l ISMAIL" userId="a8660aee-7994-4c5b-bbca-19bd60ee1bac" providerId="ADAL" clId="{B27A35D8-9177-42CA-8498-80B4504FAB7A}" dt="2020-12-01T14:29:42.003" v="929" actId="478"/>
          <ac:spMkLst>
            <pc:docMk/>
            <pc:sldMk cId="390066068" sldId="342"/>
            <ac:spMk id="6" creationId="{BD325B23-26AF-4420-BA42-BC7886C5C584}"/>
          </ac:spMkLst>
        </pc:spChg>
        <pc:spChg chg="add del mod">
          <ac:chgData name="Muhammad Hami Asma'l ISMAIL" userId="a8660aee-7994-4c5b-bbca-19bd60ee1bac" providerId="ADAL" clId="{B27A35D8-9177-42CA-8498-80B4504FAB7A}" dt="2020-12-01T14:41:24.112" v="1178" actId="478"/>
          <ac:spMkLst>
            <pc:docMk/>
            <pc:sldMk cId="390066068" sldId="342"/>
            <ac:spMk id="13" creationId="{466469F2-5778-4C90-8DDF-1DA198063B94}"/>
          </ac:spMkLst>
        </pc:spChg>
        <pc:spChg chg="add del mod">
          <ac:chgData name="Muhammad Hami Asma'l ISMAIL" userId="a8660aee-7994-4c5b-bbca-19bd60ee1bac" providerId="ADAL" clId="{B27A35D8-9177-42CA-8498-80B4504FAB7A}" dt="2020-12-01T14:41:23.310" v="1177" actId="478"/>
          <ac:spMkLst>
            <pc:docMk/>
            <pc:sldMk cId="390066068" sldId="342"/>
            <ac:spMk id="17" creationId="{A593A946-1739-473A-8D6F-336FA9EBB719}"/>
          </ac:spMkLst>
        </pc:spChg>
        <pc:spChg chg="add ord">
          <ac:chgData name="Muhammad Hami Asma'l ISMAIL" userId="a8660aee-7994-4c5b-bbca-19bd60ee1bac" providerId="ADAL" clId="{B27A35D8-9177-42CA-8498-80B4504FAB7A}" dt="2020-12-01T14:41:09.968" v="1176" actId="167"/>
          <ac:spMkLst>
            <pc:docMk/>
            <pc:sldMk cId="390066068" sldId="342"/>
            <ac:spMk id="18" creationId="{6A0FD17E-96DA-4BB5-9D08-635C2B666C7F}"/>
          </ac:spMkLst>
        </pc:spChg>
        <pc:picChg chg="add mod">
          <ac:chgData name="Muhammad Hami Asma'l ISMAIL" userId="a8660aee-7994-4c5b-bbca-19bd60ee1bac" providerId="ADAL" clId="{B27A35D8-9177-42CA-8498-80B4504FAB7A}" dt="2020-12-01T14:29:43.709" v="930" actId="1076"/>
          <ac:picMkLst>
            <pc:docMk/>
            <pc:sldMk cId="390066068" sldId="342"/>
            <ac:picMk id="9" creationId="{7FB4FCEB-589C-47DC-BC55-DDED7ED55A73}"/>
          </ac:picMkLst>
        </pc:picChg>
        <pc:picChg chg="add del mod">
          <ac:chgData name="Muhammad Hami Asma'l ISMAIL" userId="a8660aee-7994-4c5b-bbca-19bd60ee1bac" providerId="ADAL" clId="{B27A35D8-9177-42CA-8498-80B4504FAB7A}" dt="2020-12-01T14:41:47.679" v="1179" actId="478"/>
          <ac:picMkLst>
            <pc:docMk/>
            <pc:sldMk cId="390066068" sldId="342"/>
            <ac:picMk id="11" creationId="{801223E4-9477-49CE-A982-5479A69EF42B}"/>
          </ac:picMkLst>
        </pc:picChg>
        <pc:picChg chg="del">
          <ac:chgData name="Muhammad Hami Asma'l ISMAIL" userId="a8660aee-7994-4c5b-bbca-19bd60ee1bac" providerId="ADAL" clId="{B27A35D8-9177-42CA-8498-80B4504FAB7A}" dt="2020-12-01T14:28:05.800" v="908" actId="478"/>
          <ac:picMkLst>
            <pc:docMk/>
            <pc:sldMk cId="390066068" sldId="342"/>
            <ac:picMk id="12" creationId="{277B187B-A08C-4BE2-B8A0-B77D91A8B06E}"/>
          </ac:picMkLst>
        </pc:picChg>
        <pc:picChg chg="del">
          <ac:chgData name="Muhammad Hami Asma'l ISMAIL" userId="a8660aee-7994-4c5b-bbca-19bd60ee1bac" providerId="ADAL" clId="{B27A35D8-9177-42CA-8498-80B4504FAB7A}" dt="2020-12-01T14:28:05.164" v="907" actId="478"/>
          <ac:picMkLst>
            <pc:docMk/>
            <pc:sldMk cId="390066068" sldId="342"/>
            <ac:picMk id="14" creationId="{FBB8679C-6777-48E0-BD8D-68E7C503D743}"/>
          </ac:picMkLst>
        </pc:picChg>
        <pc:picChg chg="del">
          <ac:chgData name="Muhammad Hami Asma'l ISMAIL" userId="a8660aee-7994-4c5b-bbca-19bd60ee1bac" providerId="ADAL" clId="{B27A35D8-9177-42CA-8498-80B4504FAB7A}" dt="2020-12-01T14:28:04.702" v="906" actId="478"/>
          <ac:picMkLst>
            <pc:docMk/>
            <pc:sldMk cId="390066068" sldId="342"/>
            <ac:picMk id="15" creationId="{7E422FBC-AC50-40C3-9338-EE4993233226}"/>
          </ac:picMkLst>
        </pc:picChg>
        <pc:picChg chg="del">
          <ac:chgData name="Muhammad Hami Asma'l ISMAIL" userId="a8660aee-7994-4c5b-bbca-19bd60ee1bac" providerId="ADAL" clId="{B27A35D8-9177-42CA-8498-80B4504FAB7A}" dt="2020-12-01T14:28:04.141" v="905" actId="478"/>
          <ac:picMkLst>
            <pc:docMk/>
            <pc:sldMk cId="390066068" sldId="342"/>
            <ac:picMk id="16" creationId="{6E9E34E1-1A85-4985-8748-E5122AD6CC5F}"/>
          </ac:picMkLst>
        </pc:picChg>
      </pc:sldChg>
      <pc:sldChg chg="add del">
        <pc:chgData name="Muhammad Hami Asma'l ISMAIL" userId="a8660aee-7994-4c5b-bbca-19bd60ee1bac" providerId="ADAL" clId="{B27A35D8-9177-42CA-8498-80B4504FAB7A}" dt="2020-12-02T00:47:00.820" v="1206" actId="2696"/>
        <pc:sldMkLst>
          <pc:docMk/>
          <pc:sldMk cId="1617793185" sldId="343"/>
        </pc:sldMkLst>
      </pc:sldChg>
      <pc:sldChg chg="add del modTransition">
        <pc:chgData name="Muhammad Hami Asma'l ISMAIL" userId="a8660aee-7994-4c5b-bbca-19bd60ee1bac" providerId="ADAL" clId="{B27A35D8-9177-42CA-8498-80B4504FAB7A}" dt="2020-12-01T14:42:06.732" v="1180" actId="2696"/>
        <pc:sldMkLst>
          <pc:docMk/>
          <pc:sldMk cId="2492673058" sldId="343"/>
        </pc:sldMkLst>
      </pc:sldChg>
      <pc:sldChg chg="modSp add ord">
        <pc:chgData name="Muhammad Hami Asma'l ISMAIL" userId="a8660aee-7994-4c5b-bbca-19bd60ee1bac" providerId="ADAL" clId="{B27A35D8-9177-42CA-8498-80B4504FAB7A}" dt="2020-12-02T01:09:31.938" v="1290"/>
        <pc:sldMkLst>
          <pc:docMk/>
          <pc:sldMk cId="3838258965" sldId="344"/>
        </pc:sldMkLst>
        <pc:spChg chg="mod">
          <ac:chgData name="Muhammad Hami Asma'l ISMAIL" userId="a8660aee-7994-4c5b-bbca-19bd60ee1bac" providerId="ADAL" clId="{B27A35D8-9177-42CA-8498-80B4504FAB7A}" dt="2020-12-02T00:47:38.037" v="1262" actId="20577"/>
          <ac:spMkLst>
            <pc:docMk/>
            <pc:sldMk cId="3838258965" sldId="344"/>
            <ac:spMk id="10" creationId="{22EACE2C-F0BB-4B26-BDA0-E1B66FC049A7}"/>
          </ac:spMkLst>
        </pc:spChg>
      </pc:sldChg>
      <pc:sldChg chg="delSp add del">
        <pc:chgData name="Muhammad Hami Asma'l ISMAIL" userId="a8660aee-7994-4c5b-bbca-19bd60ee1bac" providerId="ADAL" clId="{B27A35D8-9177-42CA-8498-80B4504FAB7A}" dt="2020-12-02T02:24:12.205" v="3259" actId="2696"/>
        <pc:sldMkLst>
          <pc:docMk/>
          <pc:sldMk cId="2239875960" sldId="345"/>
        </pc:sldMkLst>
        <pc:spChg chg="del">
          <ac:chgData name="Muhammad Hami Asma'l ISMAIL" userId="a8660aee-7994-4c5b-bbca-19bd60ee1bac" providerId="ADAL" clId="{B27A35D8-9177-42CA-8498-80B4504FAB7A}" dt="2020-12-02T00:49:15.705" v="1286" actId="478"/>
          <ac:spMkLst>
            <pc:docMk/>
            <pc:sldMk cId="2239875960" sldId="345"/>
            <ac:spMk id="3" creationId="{993B75C5-9BDB-4B5F-AB3F-CB12A702F1F8}"/>
          </ac:spMkLst>
        </pc:spChg>
        <pc:spChg chg="del">
          <ac:chgData name="Muhammad Hami Asma'l ISMAIL" userId="a8660aee-7994-4c5b-bbca-19bd60ee1bac" providerId="ADAL" clId="{B27A35D8-9177-42CA-8498-80B4504FAB7A}" dt="2020-12-02T00:49:17.433" v="1287" actId="478"/>
          <ac:spMkLst>
            <pc:docMk/>
            <pc:sldMk cId="2239875960" sldId="345"/>
            <ac:spMk id="7" creationId="{38A41E9E-1812-4ACE-A417-73C9AF47F355}"/>
          </ac:spMkLst>
        </pc:spChg>
        <pc:spChg chg="del">
          <ac:chgData name="Muhammad Hami Asma'l ISMAIL" userId="a8660aee-7994-4c5b-bbca-19bd60ee1bac" providerId="ADAL" clId="{B27A35D8-9177-42CA-8498-80B4504FAB7A}" dt="2020-12-02T00:49:18.835" v="1288" actId="478"/>
          <ac:spMkLst>
            <pc:docMk/>
            <pc:sldMk cId="2239875960" sldId="345"/>
            <ac:spMk id="11" creationId="{15E1B5E5-22C6-4CAE-BC59-0EB34CC7C043}"/>
          </ac:spMkLst>
        </pc:spChg>
        <pc:spChg chg="del">
          <ac:chgData name="Muhammad Hami Asma'l ISMAIL" userId="a8660aee-7994-4c5b-bbca-19bd60ee1bac" providerId="ADAL" clId="{B27A35D8-9177-42CA-8498-80B4504FAB7A}" dt="2020-12-02T00:49:20.700" v="1289" actId="478"/>
          <ac:spMkLst>
            <pc:docMk/>
            <pc:sldMk cId="2239875960" sldId="345"/>
            <ac:spMk id="15" creationId="{437A4661-D2A4-40E5-9248-83B3298A506A}"/>
          </ac:spMkLst>
        </pc:spChg>
        <pc:spChg chg="del">
          <ac:chgData name="Muhammad Hami Asma'l ISMAIL" userId="a8660aee-7994-4c5b-bbca-19bd60ee1bac" providerId="ADAL" clId="{B27A35D8-9177-42CA-8498-80B4504FAB7A}" dt="2020-12-02T00:49:09.167" v="1282" actId="478"/>
          <ac:spMkLst>
            <pc:docMk/>
            <pc:sldMk cId="2239875960" sldId="345"/>
            <ac:spMk id="21" creationId="{DE3E8AFA-4F89-4E80-A3B9-634CCCD91EE1}"/>
          </ac:spMkLst>
        </pc:spChg>
        <pc:spChg chg="del">
          <ac:chgData name="Muhammad Hami Asma'l ISMAIL" userId="a8660aee-7994-4c5b-bbca-19bd60ee1bac" providerId="ADAL" clId="{B27A35D8-9177-42CA-8498-80B4504FAB7A}" dt="2020-12-02T00:49:10.720" v="1283" actId="478"/>
          <ac:spMkLst>
            <pc:docMk/>
            <pc:sldMk cId="2239875960" sldId="345"/>
            <ac:spMk id="25" creationId="{9C43603A-55D9-413D-AECF-6CB700639D57}"/>
          </ac:spMkLst>
        </pc:spChg>
        <pc:spChg chg="del">
          <ac:chgData name="Muhammad Hami Asma'l ISMAIL" userId="a8660aee-7994-4c5b-bbca-19bd60ee1bac" providerId="ADAL" clId="{B27A35D8-9177-42CA-8498-80B4504FAB7A}" dt="2020-12-02T00:49:12.079" v="1284" actId="478"/>
          <ac:spMkLst>
            <pc:docMk/>
            <pc:sldMk cId="2239875960" sldId="345"/>
            <ac:spMk id="29" creationId="{F6770BAD-DC38-4E7F-9369-F399557F868C}"/>
          </ac:spMkLst>
        </pc:spChg>
        <pc:spChg chg="del">
          <ac:chgData name="Muhammad Hami Asma'l ISMAIL" userId="a8660aee-7994-4c5b-bbca-19bd60ee1bac" providerId="ADAL" clId="{B27A35D8-9177-42CA-8498-80B4504FAB7A}" dt="2020-12-02T00:49:13.943" v="1285" actId="478"/>
          <ac:spMkLst>
            <pc:docMk/>
            <pc:sldMk cId="2239875960" sldId="345"/>
            <ac:spMk id="33" creationId="{FFE2DE38-A807-4128-B165-B43576AF7E33}"/>
          </ac:spMkLst>
        </pc:spChg>
      </pc:sldChg>
      <pc:sldChg chg="modSp add ord">
        <pc:chgData name="Muhammad Hami Asma'l ISMAIL" userId="a8660aee-7994-4c5b-bbca-19bd60ee1bac" providerId="ADAL" clId="{B27A35D8-9177-42CA-8498-80B4504FAB7A}" dt="2020-12-02T01:10:31.112" v="1310" actId="20577"/>
        <pc:sldMkLst>
          <pc:docMk/>
          <pc:sldMk cId="2978870326" sldId="346"/>
        </pc:sldMkLst>
        <pc:spChg chg="mod">
          <ac:chgData name="Muhammad Hami Asma'l ISMAIL" userId="a8660aee-7994-4c5b-bbca-19bd60ee1bac" providerId="ADAL" clId="{B27A35D8-9177-42CA-8498-80B4504FAB7A}" dt="2020-12-02T01:10:31.112" v="1310" actId="20577"/>
          <ac:spMkLst>
            <pc:docMk/>
            <pc:sldMk cId="2978870326" sldId="346"/>
            <ac:spMk id="10" creationId="{22EACE2C-F0BB-4B26-BDA0-E1B66FC049A7}"/>
          </ac:spMkLst>
        </pc:spChg>
      </pc:sldChg>
      <pc:sldChg chg="modSp add">
        <pc:chgData name="Muhammad Hami Asma'l ISMAIL" userId="a8660aee-7994-4c5b-bbca-19bd60ee1bac" providerId="ADAL" clId="{B27A35D8-9177-42CA-8498-80B4504FAB7A}" dt="2020-12-02T01:19:51.385" v="1445" actId="20577"/>
        <pc:sldMkLst>
          <pc:docMk/>
          <pc:sldMk cId="1589508855" sldId="347"/>
        </pc:sldMkLst>
        <pc:spChg chg="mod">
          <ac:chgData name="Muhammad Hami Asma'l ISMAIL" userId="a8660aee-7994-4c5b-bbca-19bd60ee1bac" providerId="ADAL" clId="{B27A35D8-9177-42CA-8498-80B4504FAB7A}" dt="2020-12-02T01:19:51.385" v="1445" actId="20577"/>
          <ac:spMkLst>
            <pc:docMk/>
            <pc:sldMk cId="1589508855" sldId="347"/>
            <ac:spMk id="6" creationId="{71ABBC49-FBAD-40C0-ACD6-59EEAE1E9428}"/>
          </ac:spMkLst>
        </pc:spChg>
        <pc:spChg chg="mod">
          <ac:chgData name="Muhammad Hami Asma'l ISMAIL" userId="a8660aee-7994-4c5b-bbca-19bd60ee1bac" providerId="ADAL" clId="{B27A35D8-9177-42CA-8498-80B4504FAB7A}" dt="2020-12-02T01:19:46.455" v="1438" actId="20577"/>
          <ac:spMkLst>
            <pc:docMk/>
            <pc:sldMk cId="1589508855" sldId="347"/>
            <ac:spMk id="8" creationId="{CD02CCD4-2B53-4F0A-B994-02ACD5F0E09D}"/>
          </ac:spMkLst>
        </pc:spChg>
      </pc:sldChg>
      <pc:sldChg chg="modSp add ord">
        <pc:chgData name="Muhammad Hami Asma'l ISMAIL" userId="a8660aee-7994-4c5b-bbca-19bd60ee1bac" providerId="ADAL" clId="{B27A35D8-9177-42CA-8498-80B4504FAB7A}" dt="2020-12-02T01:20:59.881" v="1468" actId="20577"/>
        <pc:sldMkLst>
          <pc:docMk/>
          <pc:sldMk cId="2188449635" sldId="348"/>
        </pc:sldMkLst>
        <pc:spChg chg="mod">
          <ac:chgData name="Muhammad Hami Asma'l ISMAIL" userId="a8660aee-7994-4c5b-bbca-19bd60ee1bac" providerId="ADAL" clId="{B27A35D8-9177-42CA-8498-80B4504FAB7A}" dt="2020-12-02T01:20:59.881" v="1468" actId="20577"/>
          <ac:spMkLst>
            <pc:docMk/>
            <pc:sldMk cId="2188449635" sldId="348"/>
            <ac:spMk id="10" creationId="{22EACE2C-F0BB-4B26-BDA0-E1B66FC049A7}"/>
          </ac:spMkLst>
        </pc:spChg>
      </pc:sldChg>
      <pc:sldChg chg="modSp add ord">
        <pc:chgData name="Muhammad Hami Asma'l ISMAIL" userId="a8660aee-7994-4c5b-bbca-19bd60ee1bac" providerId="ADAL" clId="{B27A35D8-9177-42CA-8498-80B4504FAB7A}" dt="2020-12-02T01:36:53.910" v="1998" actId="20577"/>
        <pc:sldMkLst>
          <pc:docMk/>
          <pc:sldMk cId="69375092" sldId="349"/>
        </pc:sldMkLst>
        <pc:spChg chg="mod">
          <ac:chgData name="Muhammad Hami Asma'l ISMAIL" userId="a8660aee-7994-4c5b-bbca-19bd60ee1bac" providerId="ADAL" clId="{B27A35D8-9177-42CA-8498-80B4504FAB7A}" dt="2020-12-02T01:36:53.910" v="1998" actId="20577"/>
          <ac:spMkLst>
            <pc:docMk/>
            <pc:sldMk cId="69375092" sldId="349"/>
            <ac:spMk id="10" creationId="{22EACE2C-F0BB-4B26-BDA0-E1B66FC049A7}"/>
          </ac:spMkLst>
        </pc:spChg>
      </pc:sldChg>
      <pc:sldChg chg="addSp modSp add del">
        <pc:chgData name="Muhammad Hami Asma'l ISMAIL" userId="a8660aee-7994-4c5b-bbca-19bd60ee1bac" providerId="ADAL" clId="{B27A35D8-9177-42CA-8498-80B4504FAB7A}" dt="2020-12-02T02:00:09.689" v="2580" actId="2696"/>
        <pc:sldMkLst>
          <pc:docMk/>
          <pc:sldMk cId="4184302257" sldId="352"/>
        </pc:sldMkLst>
        <pc:spChg chg="mod">
          <ac:chgData name="Muhammad Hami Asma'l ISMAIL" userId="a8660aee-7994-4c5b-bbca-19bd60ee1bac" providerId="ADAL" clId="{B27A35D8-9177-42CA-8498-80B4504FAB7A}" dt="2020-12-02T01:52:54.312" v="2501" actId="1076"/>
          <ac:spMkLst>
            <pc:docMk/>
            <pc:sldMk cId="4184302257" sldId="352"/>
            <ac:spMk id="32" creationId="{88B002A7-998D-40F2-98A6-2780E950CDF2}"/>
          </ac:spMkLst>
        </pc:spChg>
        <pc:spChg chg="add mod">
          <ac:chgData name="Muhammad Hami Asma'l ISMAIL" userId="a8660aee-7994-4c5b-bbca-19bd60ee1bac" providerId="ADAL" clId="{B27A35D8-9177-42CA-8498-80B4504FAB7A}" dt="2020-12-02T01:52:03.345" v="2495" actId="20577"/>
          <ac:spMkLst>
            <pc:docMk/>
            <pc:sldMk cId="4184302257" sldId="352"/>
            <ac:spMk id="59" creationId="{C42330D7-6C7A-4C6E-B6E9-14CFC14CEB6C}"/>
          </ac:spMkLst>
        </pc:spChg>
        <pc:spChg chg="add mod">
          <ac:chgData name="Muhammad Hami Asma'l ISMAIL" userId="a8660aee-7994-4c5b-bbca-19bd60ee1bac" providerId="ADAL" clId="{B27A35D8-9177-42CA-8498-80B4504FAB7A}" dt="2020-12-02T01:52:36.418" v="2499" actId="20577"/>
          <ac:spMkLst>
            <pc:docMk/>
            <pc:sldMk cId="4184302257" sldId="352"/>
            <ac:spMk id="60" creationId="{C97695E4-4BF2-4070-86E5-ED21FA0DB7DD}"/>
          </ac:spMkLst>
        </pc:spChg>
        <pc:grpChg chg="mod ord">
          <ac:chgData name="Muhammad Hami Asma'l ISMAIL" userId="a8660aee-7994-4c5b-bbca-19bd60ee1bac" providerId="ADAL" clId="{B27A35D8-9177-42CA-8498-80B4504FAB7A}" dt="2020-12-02T01:51:25.668" v="2485" actId="1076"/>
          <ac:grpSpMkLst>
            <pc:docMk/>
            <pc:sldMk cId="4184302257" sldId="352"/>
            <ac:grpSpMk id="27" creationId="{A57B499A-35C8-41F9-A2AB-F0A8BE7B1B01}"/>
          </ac:grpSpMkLst>
        </pc:grpChg>
        <pc:grpChg chg="mod ord">
          <ac:chgData name="Muhammad Hami Asma'l ISMAIL" userId="a8660aee-7994-4c5b-bbca-19bd60ee1bac" providerId="ADAL" clId="{B27A35D8-9177-42CA-8498-80B4504FAB7A}" dt="2020-12-02T01:51:25.668" v="2485" actId="1076"/>
          <ac:grpSpMkLst>
            <pc:docMk/>
            <pc:sldMk cId="4184302257" sldId="352"/>
            <ac:grpSpMk id="118" creationId="{DD74D9B4-E5FD-43A7-8A57-A500D905B762}"/>
          </ac:grpSpMkLst>
        </pc:grpChg>
        <pc:grpChg chg="mod ord">
          <ac:chgData name="Muhammad Hami Asma'l ISMAIL" userId="a8660aee-7994-4c5b-bbca-19bd60ee1bac" providerId="ADAL" clId="{B27A35D8-9177-42CA-8498-80B4504FAB7A}" dt="2020-12-02T01:51:25.668" v="2485" actId="1076"/>
          <ac:grpSpMkLst>
            <pc:docMk/>
            <pc:sldMk cId="4184302257" sldId="352"/>
            <ac:grpSpMk id="122" creationId="{A48713D9-1A12-4A11-B16E-F16EBC0D22CA}"/>
          </ac:grpSpMkLst>
        </pc:grpChg>
        <pc:grpChg chg="mod ord">
          <ac:chgData name="Muhammad Hami Asma'l ISMAIL" userId="a8660aee-7994-4c5b-bbca-19bd60ee1bac" providerId="ADAL" clId="{B27A35D8-9177-42CA-8498-80B4504FAB7A}" dt="2020-12-02T01:51:25.668" v="2485" actId="1076"/>
          <ac:grpSpMkLst>
            <pc:docMk/>
            <pc:sldMk cId="4184302257" sldId="352"/>
            <ac:grpSpMk id="126" creationId="{D0E95AEB-03C0-4C1D-B013-DAE15E88EDD3}"/>
          </ac:grpSpMkLst>
        </pc:grpChg>
        <pc:graphicFrameChg chg="modGraphic">
          <ac:chgData name="Muhammad Hami Asma'l ISMAIL" userId="a8660aee-7994-4c5b-bbca-19bd60ee1bac" providerId="ADAL" clId="{B27A35D8-9177-42CA-8498-80B4504FAB7A}" dt="2020-12-02T01:53:50.336" v="2518" actId="2164"/>
          <ac:graphicFrameMkLst>
            <pc:docMk/>
            <pc:sldMk cId="4184302257" sldId="352"/>
            <ac:graphicFrameMk id="3" creationId="{442A0451-C78F-4E0F-9EDA-E8D010BCB188}"/>
          </ac:graphicFrameMkLst>
        </pc:graphicFrameChg>
        <pc:cxnChg chg="mod ord">
          <ac:chgData name="Muhammad Hami Asma'l ISMAIL" userId="a8660aee-7994-4c5b-bbca-19bd60ee1bac" providerId="ADAL" clId="{B27A35D8-9177-42CA-8498-80B4504FAB7A}" dt="2020-12-02T01:51:25.668" v="2485" actId="1076"/>
          <ac:cxnSpMkLst>
            <pc:docMk/>
            <pc:sldMk cId="4184302257" sldId="352"/>
            <ac:cxnSpMk id="34" creationId="{D714BE7E-BD6D-42F5-8111-E1E9D8C8AB44}"/>
          </ac:cxnSpMkLst>
        </pc:cxnChg>
        <pc:cxnChg chg="mod ord">
          <ac:chgData name="Muhammad Hami Asma'l ISMAIL" userId="a8660aee-7994-4c5b-bbca-19bd60ee1bac" providerId="ADAL" clId="{B27A35D8-9177-42CA-8498-80B4504FAB7A}" dt="2020-12-02T01:51:25.668" v="2485" actId="1076"/>
          <ac:cxnSpMkLst>
            <pc:docMk/>
            <pc:sldMk cId="4184302257" sldId="352"/>
            <ac:cxnSpMk id="117" creationId="{B0C368CD-3708-469D-BB01-676367FC1DCD}"/>
          </ac:cxnSpMkLst>
        </pc:cxnChg>
        <pc:cxnChg chg="mod ord">
          <ac:chgData name="Muhammad Hami Asma'l ISMAIL" userId="a8660aee-7994-4c5b-bbca-19bd60ee1bac" providerId="ADAL" clId="{B27A35D8-9177-42CA-8498-80B4504FAB7A}" dt="2020-12-02T01:51:25.668" v="2485" actId="1076"/>
          <ac:cxnSpMkLst>
            <pc:docMk/>
            <pc:sldMk cId="4184302257" sldId="352"/>
            <ac:cxnSpMk id="121" creationId="{F4B49903-4AD7-4552-91B1-AAA54CE4499C}"/>
          </ac:cxnSpMkLst>
        </pc:cxnChg>
        <pc:cxnChg chg="mod ord">
          <ac:chgData name="Muhammad Hami Asma'l ISMAIL" userId="a8660aee-7994-4c5b-bbca-19bd60ee1bac" providerId="ADAL" clId="{B27A35D8-9177-42CA-8498-80B4504FAB7A}" dt="2020-12-02T01:51:25.668" v="2485" actId="1076"/>
          <ac:cxnSpMkLst>
            <pc:docMk/>
            <pc:sldMk cId="4184302257" sldId="352"/>
            <ac:cxnSpMk id="125" creationId="{ED5C57A7-CB87-46E8-8EE2-62A6F3CAA186}"/>
          </ac:cxnSpMkLst>
        </pc:cxnChg>
      </pc:sldChg>
      <pc:sldChg chg="addSp delSp modSp add del setBg">
        <pc:chgData name="Muhammad Hami Asma'l ISMAIL" userId="a8660aee-7994-4c5b-bbca-19bd60ee1bac" providerId="ADAL" clId="{B27A35D8-9177-42CA-8498-80B4504FAB7A}" dt="2020-12-02T02:27:32.241" v="3285"/>
        <pc:sldMkLst>
          <pc:docMk/>
          <pc:sldMk cId="1594200652" sldId="354"/>
        </pc:sldMkLst>
        <pc:spChg chg="mod">
          <ac:chgData name="Muhammad Hami Asma'l ISMAIL" userId="a8660aee-7994-4c5b-bbca-19bd60ee1bac" providerId="ADAL" clId="{B27A35D8-9177-42CA-8498-80B4504FAB7A}" dt="2020-12-02T01:59:19.672" v="2578" actId="207"/>
          <ac:spMkLst>
            <pc:docMk/>
            <pc:sldMk cId="1594200652" sldId="354"/>
            <ac:spMk id="2" creationId="{2C2BFAE1-45D3-4B3B-81D2-0BF25FA84FB8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4" creationId="{03F358DF-1DF8-4344-80E4-F3B8FFD808A7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26" creationId="{5A2684B3-5EDC-4259-B379-7F75AD8C1ED3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32" creationId="{88B002A7-998D-40F2-98A6-2780E950CDF2}"/>
          </ac:spMkLst>
        </pc:spChg>
        <pc:spChg chg="mod">
          <ac:chgData name="Muhammad Hami Asma'l ISMAIL" userId="a8660aee-7994-4c5b-bbca-19bd60ee1bac" providerId="ADAL" clId="{B27A35D8-9177-42CA-8498-80B4504FAB7A}" dt="2020-12-02T02:01:24.841" v="2617" actId="1076"/>
          <ac:spMkLst>
            <pc:docMk/>
            <pc:sldMk cId="1594200652" sldId="354"/>
            <ac:spMk id="58" creationId="{D7A76DC9-3FB5-4095-BBA3-61DC2D4715DA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59" creationId="{F04C19B5-750F-4714-BAF7-E16CB2181783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60" creationId="{1885D625-EF7B-4FE9-BA1D-656F3373028F}"/>
          </ac:spMkLst>
        </pc:spChg>
        <pc:spChg chg="add del mod ord">
          <ac:chgData name="Muhammad Hami Asma'l ISMAIL" userId="a8660aee-7994-4c5b-bbca-19bd60ee1bac" providerId="ADAL" clId="{B27A35D8-9177-42CA-8498-80B4504FAB7A}" dt="2020-12-02T02:01:34.416" v="2619" actId="478"/>
          <ac:spMkLst>
            <pc:docMk/>
            <pc:sldMk cId="1594200652" sldId="354"/>
            <ac:spMk id="61" creationId="{744E8949-A0AE-4320-B76A-432F2615BDAE}"/>
          </ac:spMkLst>
        </pc:spChg>
        <pc:spChg chg="add del">
          <ac:chgData name="Muhammad Hami Asma'l ISMAIL" userId="a8660aee-7994-4c5b-bbca-19bd60ee1bac" providerId="ADAL" clId="{B27A35D8-9177-42CA-8498-80B4504FAB7A}" dt="2020-12-02T01:56:47.272" v="2540"/>
          <ac:spMkLst>
            <pc:docMk/>
            <pc:sldMk cId="1594200652" sldId="354"/>
            <ac:spMk id="62" creationId="{BB85F0DB-C3E2-49E4-B171-964617C0592F}"/>
          </ac:spMkLst>
        </pc:spChg>
        <pc:spChg chg="add del">
          <ac:chgData name="Muhammad Hami Asma'l ISMAIL" userId="a8660aee-7994-4c5b-bbca-19bd60ee1bac" providerId="ADAL" clId="{B27A35D8-9177-42CA-8498-80B4504FAB7A}" dt="2020-12-02T01:56:50.735" v="2542"/>
          <ac:spMkLst>
            <pc:docMk/>
            <pc:sldMk cId="1594200652" sldId="354"/>
            <ac:spMk id="63" creationId="{AEFB73F9-44AC-4262-BF31-98EB4277915E}"/>
          </ac:spMkLst>
        </pc:spChg>
        <pc:spChg chg="add ord">
          <ac:chgData name="Muhammad Hami Asma'l ISMAIL" userId="a8660aee-7994-4c5b-bbca-19bd60ee1bac" providerId="ADAL" clId="{B27A35D8-9177-42CA-8498-80B4504FAB7A}" dt="2020-12-02T02:01:57.071" v="2622" actId="167"/>
          <ac:spMkLst>
            <pc:docMk/>
            <pc:sldMk cId="1594200652" sldId="354"/>
            <ac:spMk id="65" creationId="{1985DC1F-42CA-4C38-AFF5-C0E45A89814B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96" creationId="{79B760D8-06FA-42C1-BF16-D47FDEB801E8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97" creationId="{C1C2D56B-8B5B-4923-B83F-6AECB34305FD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98" creationId="{8AE27907-1797-49DF-B507-F084CC3C9186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99" creationId="{6E2480F0-3719-44DD-81F8-2C7859D642FA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00" creationId="{693A01A5-7517-46D4-AEDA-684B6A6F496A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01" creationId="{BEC92D15-173F-46B9-91A2-084CB3C19D8F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03" creationId="{477D391A-EA42-4D04-B2AB-E0D2A84D7248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04" creationId="{FA4DE62E-0A23-4401-B984-C3792CDBB4CD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05" creationId="{2A35155E-4B91-42D5-9226-69E801AEB0BC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06" creationId="{E6159CB1-9B02-4C5F-8FAB-E88EE5D03DDC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07" creationId="{4123B05E-05A1-413C-B7FE-ECD97F49A180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08" creationId="{E4FEF97D-C762-43E1-9809-BA862E068E89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09" creationId="{D0AB28C3-95CE-4DF5-86EC-366332D28DFA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10" creationId="{03F238DA-76E0-4FD0-81B1-13984A03B0F8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11" creationId="{38223230-ECEF-4B5D-863E-20EF06565D2F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12" creationId="{AD9B19BA-3751-441C-96A8-3DDE4476AFDA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13" creationId="{7817B211-8366-4324-9C0D-482E2C94D052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14" creationId="{0C42D947-9C00-4681-8B3F-E84852DA1D87}"/>
          </ac:spMkLst>
        </pc:spChg>
        <pc:spChg chg="mod">
          <ac:chgData name="Muhammad Hami Asma'l ISMAIL" userId="a8660aee-7994-4c5b-bbca-19bd60ee1bac" providerId="ADAL" clId="{B27A35D8-9177-42CA-8498-80B4504FAB7A}" dt="2020-12-02T02:01:43.799" v="2620" actId="1076"/>
          <ac:spMkLst>
            <pc:docMk/>
            <pc:sldMk cId="1594200652" sldId="354"/>
            <ac:spMk id="115" creationId="{0C0D7143-8D52-484C-A79A-A74A67D04404}"/>
          </ac:spMkLst>
        </pc:spChg>
        <pc:grpChg chg="mod">
          <ac:chgData name="Muhammad Hami Asma'l ISMAIL" userId="a8660aee-7994-4c5b-bbca-19bd60ee1bac" providerId="ADAL" clId="{B27A35D8-9177-42CA-8498-80B4504FAB7A}" dt="2020-12-02T02:01:43.799" v="2620" actId="1076"/>
          <ac:grpSpMkLst>
            <pc:docMk/>
            <pc:sldMk cId="1594200652" sldId="354"/>
            <ac:grpSpMk id="27" creationId="{A57B499A-35C8-41F9-A2AB-F0A8BE7B1B01}"/>
          </ac:grpSpMkLst>
        </pc:grpChg>
        <pc:grpChg chg="mod">
          <ac:chgData name="Muhammad Hami Asma'l ISMAIL" userId="a8660aee-7994-4c5b-bbca-19bd60ee1bac" providerId="ADAL" clId="{B27A35D8-9177-42CA-8498-80B4504FAB7A}" dt="2020-12-02T02:01:43.799" v="2620" actId="1076"/>
          <ac:grpSpMkLst>
            <pc:docMk/>
            <pc:sldMk cId="1594200652" sldId="354"/>
            <ac:grpSpMk id="56" creationId="{D03E68B3-9800-421E-BDE4-DBED1A159947}"/>
          </ac:grpSpMkLst>
        </pc:grpChg>
        <pc:grpChg chg="mod">
          <ac:chgData name="Muhammad Hami Asma'l ISMAIL" userId="a8660aee-7994-4c5b-bbca-19bd60ee1bac" providerId="ADAL" clId="{B27A35D8-9177-42CA-8498-80B4504FAB7A}" dt="2020-12-02T02:01:43.799" v="2620" actId="1076"/>
          <ac:grpSpMkLst>
            <pc:docMk/>
            <pc:sldMk cId="1594200652" sldId="354"/>
            <ac:grpSpMk id="118" creationId="{DD74D9B4-E5FD-43A7-8A57-A500D905B762}"/>
          </ac:grpSpMkLst>
        </pc:grpChg>
        <pc:grpChg chg="mod">
          <ac:chgData name="Muhammad Hami Asma'l ISMAIL" userId="a8660aee-7994-4c5b-bbca-19bd60ee1bac" providerId="ADAL" clId="{B27A35D8-9177-42CA-8498-80B4504FAB7A}" dt="2020-12-02T02:01:43.799" v="2620" actId="1076"/>
          <ac:grpSpMkLst>
            <pc:docMk/>
            <pc:sldMk cId="1594200652" sldId="354"/>
            <ac:grpSpMk id="122" creationId="{A48713D9-1A12-4A11-B16E-F16EBC0D22CA}"/>
          </ac:grpSpMkLst>
        </pc:grpChg>
        <pc:grpChg chg="mod">
          <ac:chgData name="Muhammad Hami Asma'l ISMAIL" userId="a8660aee-7994-4c5b-bbca-19bd60ee1bac" providerId="ADAL" clId="{B27A35D8-9177-42CA-8498-80B4504FAB7A}" dt="2020-12-02T02:01:43.799" v="2620" actId="1076"/>
          <ac:grpSpMkLst>
            <pc:docMk/>
            <pc:sldMk cId="1594200652" sldId="354"/>
            <ac:grpSpMk id="126" creationId="{D0E95AEB-03C0-4C1D-B013-DAE15E88EDD3}"/>
          </ac:grpSpMkLst>
        </pc:grpChg>
        <pc:grpChg chg="mod">
          <ac:chgData name="Muhammad Hami Asma'l ISMAIL" userId="a8660aee-7994-4c5b-bbca-19bd60ee1bac" providerId="ADAL" clId="{B27A35D8-9177-42CA-8498-80B4504FAB7A}" dt="2020-12-02T02:01:43.799" v="2620" actId="1076"/>
          <ac:grpSpMkLst>
            <pc:docMk/>
            <pc:sldMk cId="1594200652" sldId="354"/>
            <ac:grpSpMk id="131" creationId="{5D8275CB-0D47-4D94-A229-6F18F9FFA961}"/>
          </ac:grpSpMkLst>
        </pc:grpChg>
        <pc:grpChg chg="mod">
          <ac:chgData name="Muhammad Hami Asma'l ISMAIL" userId="a8660aee-7994-4c5b-bbca-19bd60ee1bac" providerId="ADAL" clId="{B27A35D8-9177-42CA-8498-80B4504FAB7A}" dt="2020-12-02T02:01:43.799" v="2620" actId="1076"/>
          <ac:grpSpMkLst>
            <pc:docMk/>
            <pc:sldMk cId="1594200652" sldId="354"/>
            <ac:grpSpMk id="132" creationId="{7CB6EBAD-E86E-4A52-A296-86DE1DC17704}"/>
          </ac:grpSpMkLst>
        </pc:grpChg>
        <pc:graphicFrameChg chg="mod">
          <ac:chgData name="Muhammad Hami Asma'l ISMAIL" userId="a8660aee-7994-4c5b-bbca-19bd60ee1bac" providerId="ADAL" clId="{B27A35D8-9177-42CA-8498-80B4504FAB7A}" dt="2020-12-02T02:01:43.799" v="2620" actId="1076"/>
          <ac:graphicFrameMkLst>
            <pc:docMk/>
            <pc:sldMk cId="1594200652" sldId="354"/>
            <ac:graphicFrameMk id="3" creationId="{442A0451-C78F-4E0F-9EDA-E8D010BCB188}"/>
          </ac:graphicFrameMkLst>
        </pc:graphicFrameChg>
        <pc:graphicFrameChg chg="mod">
          <ac:chgData name="Muhammad Hami Asma'l ISMAIL" userId="a8660aee-7994-4c5b-bbca-19bd60ee1bac" providerId="ADAL" clId="{B27A35D8-9177-42CA-8498-80B4504FAB7A}" dt="2020-12-02T02:01:43.799" v="2620" actId="1076"/>
          <ac:graphicFrameMkLst>
            <pc:docMk/>
            <pc:sldMk cId="1594200652" sldId="354"/>
            <ac:graphicFrameMk id="95" creationId="{8F729E0D-27BC-4A38-9D95-3EB1EF1E9C75}"/>
          </ac:graphicFrameMkLst>
        </pc:graphicFrame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11" creationId="{422A9F74-40A6-4B8A-A5E0-85F2AF8EDF8E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13" creationId="{43753089-AF42-4831-A528-CA354F9AFCA3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15" creationId="{425FAFDE-D914-4C4E-B946-0EFDD9D09EF9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18" creationId="{EF7267A8-28D2-4160-84C7-95FCE8C689E5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20" creationId="{F6E86B9C-C937-4EEB-9083-9C4A8983C9FE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23" creationId="{7DBF7AA1-6EF2-4145-BC4D-E1CCF8DE3794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25" creationId="{7DD1CE07-37C4-4947-B7D8-22FF941BB7B9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34" creationId="{D714BE7E-BD6D-42F5-8111-E1E9D8C8AB44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117" creationId="{B0C368CD-3708-469D-BB01-676367FC1DCD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121" creationId="{F4B49903-4AD7-4552-91B1-AAA54CE4499C}"/>
          </ac:cxnSpMkLst>
        </pc:cxnChg>
        <pc:cxnChg chg="mod">
          <ac:chgData name="Muhammad Hami Asma'l ISMAIL" userId="a8660aee-7994-4c5b-bbca-19bd60ee1bac" providerId="ADAL" clId="{B27A35D8-9177-42CA-8498-80B4504FAB7A}" dt="2020-12-02T02:01:43.799" v="2620" actId="1076"/>
          <ac:cxnSpMkLst>
            <pc:docMk/>
            <pc:sldMk cId="1594200652" sldId="354"/>
            <ac:cxnSpMk id="125" creationId="{ED5C57A7-CB87-46E8-8EE2-62A6F3CAA186}"/>
          </ac:cxnSpMkLst>
        </pc:cxnChg>
      </pc:sldChg>
      <pc:sldChg chg="modSp add ord">
        <pc:chgData name="Muhammad Hami Asma'l ISMAIL" userId="a8660aee-7994-4c5b-bbca-19bd60ee1bac" providerId="ADAL" clId="{B27A35D8-9177-42CA-8498-80B4504FAB7A}" dt="2020-12-02T02:06:24.379" v="2641" actId="20577"/>
        <pc:sldMkLst>
          <pc:docMk/>
          <pc:sldMk cId="3803166272" sldId="355"/>
        </pc:sldMkLst>
        <pc:spChg chg="mod">
          <ac:chgData name="Muhammad Hami Asma'l ISMAIL" userId="a8660aee-7994-4c5b-bbca-19bd60ee1bac" providerId="ADAL" clId="{B27A35D8-9177-42CA-8498-80B4504FAB7A}" dt="2020-12-02T02:06:24.379" v="2641" actId="20577"/>
          <ac:spMkLst>
            <pc:docMk/>
            <pc:sldMk cId="3803166272" sldId="355"/>
            <ac:spMk id="10" creationId="{22EACE2C-F0BB-4B26-BDA0-E1B66FC049A7}"/>
          </ac:spMkLst>
        </pc:spChg>
      </pc:sldChg>
      <pc:sldChg chg="modSp add">
        <pc:chgData name="Muhammad Hami Asma'l ISMAIL" userId="a8660aee-7994-4c5b-bbca-19bd60ee1bac" providerId="ADAL" clId="{B27A35D8-9177-42CA-8498-80B4504FAB7A}" dt="2020-12-02T02:06:55.378" v="2654" actId="20577"/>
        <pc:sldMkLst>
          <pc:docMk/>
          <pc:sldMk cId="3979151405" sldId="356"/>
        </pc:sldMkLst>
        <pc:spChg chg="mod">
          <ac:chgData name="Muhammad Hami Asma'l ISMAIL" userId="a8660aee-7994-4c5b-bbca-19bd60ee1bac" providerId="ADAL" clId="{B27A35D8-9177-42CA-8498-80B4504FAB7A}" dt="2020-12-02T02:06:55.378" v="2654" actId="20577"/>
          <ac:spMkLst>
            <pc:docMk/>
            <pc:sldMk cId="3979151405" sldId="356"/>
            <ac:spMk id="10" creationId="{22EACE2C-F0BB-4B26-BDA0-E1B66FC049A7}"/>
          </ac:spMkLst>
        </pc:spChg>
      </pc:sldChg>
      <pc:sldChg chg="modSp add">
        <pc:chgData name="Muhammad Hami Asma'l ISMAIL" userId="a8660aee-7994-4c5b-bbca-19bd60ee1bac" providerId="ADAL" clId="{B27A35D8-9177-42CA-8498-80B4504FAB7A}" dt="2020-12-02T02:07:10.400" v="2674" actId="20577"/>
        <pc:sldMkLst>
          <pc:docMk/>
          <pc:sldMk cId="2757239982" sldId="357"/>
        </pc:sldMkLst>
        <pc:spChg chg="mod">
          <ac:chgData name="Muhammad Hami Asma'l ISMAIL" userId="a8660aee-7994-4c5b-bbca-19bd60ee1bac" providerId="ADAL" clId="{B27A35D8-9177-42CA-8498-80B4504FAB7A}" dt="2020-12-02T02:07:10.400" v="2674" actId="20577"/>
          <ac:spMkLst>
            <pc:docMk/>
            <pc:sldMk cId="2757239982" sldId="357"/>
            <ac:spMk id="10" creationId="{22EACE2C-F0BB-4B26-BDA0-E1B66FC049A7}"/>
          </ac:spMkLst>
        </pc:spChg>
      </pc:sldChg>
      <pc:sldChg chg="add del">
        <pc:chgData name="Muhammad Hami Asma'l ISMAIL" userId="a8660aee-7994-4c5b-bbca-19bd60ee1bac" providerId="ADAL" clId="{B27A35D8-9177-42CA-8498-80B4504FAB7A}" dt="2020-12-02T02:50:56.010" v="4177" actId="2696"/>
        <pc:sldMkLst>
          <pc:docMk/>
          <pc:sldMk cId="1864463782" sldId="358"/>
        </pc:sldMkLst>
      </pc:sldChg>
      <pc:sldMasterChg chg="delSldLayout">
        <pc:chgData name="Muhammad Hami Asma'l ISMAIL" userId="a8660aee-7994-4c5b-bbca-19bd60ee1bac" providerId="ADAL" clId="{B27A35D8-9177-42CA-8498-80B4504FAB7A}" dt="2020-12-02T02:48:32.225" v="4176" actId="2696"/>
        <pc:sldMasterMkLst>
          <pc:docMk/>
          <pc:sldMasterMk cId="1086816533" sldId="2147483656"/>
        </pc:sldMasterMkLst>
        <pc:sldLayoutChg chg="del">
          <pc:chgData name="Muhammad Hami Asma'l ISMAIL" userId="a8660aee-7994-4c5b-bbca-19bd60ee1bac" providerId="ADAL" clId="{B27A35D8-9177-42CA-8498-80B4504FAB7A}" dt="2020-12-02T02:48:32.225" v="4176" actId="2696"/>
          <pc:sldLayoutMkLst>
            <pc:docMk/>
            <pc:sldMasterMk cId="1086816533" sldId="2147483656"/>
            <pc:sldLayoutMk cId="2017392106" sldId="2147483659"/>
          </pc:sldLayoutMkLst>
        </pc:sldLayoutChg>
        <pc:sldLayoutChg chg="del">
          <pc:chgData name="Muhammad Hami Asma'l ISMAIL" userId="a8660aee-7994-4c5b-bbca-19bd60ee1bac" providerId="ADAL" clId="{B27A35D8-9177-42CA-8498-80B4504FAB7A}" dt="2020-12-02T02:48:32.041" v="4172" actId="2696"/>
          <pc:sldLayoutMkLst>
            <pc:docMk/>
            <pc:sldMasterMk cId="1086816533" sldId="2147483656"/>
            <pc:sldLayoutMk cId="1322428758" sldId="2147483660"/>
          </pc:sldLayoutMkLst>
        </pc:sldLayoutChg>
        <pc:sldLayoutChg chg="del">
          <pc:chgData name="Muhammad Hami Asma'l ISMAIL" userId="a8660aee-7994-4c5b-bbca-19bd60ee1bac" providerId="ADAL" clId="{B27A35D8-9177-42CA-8498-80B4504FAB7A}" dt="2020-12-02T02:13:32.063" v="2698" actId="2696"/>
          <pc:sldLayoutMkLst>
            <pc:docMk/>
            <pc:sldMasterMk cId="1086816533" sldId="2147483656"/>
            <pc:sldLayoutMk cId="4138116984" sldId="2147483679"/>
          </pc:sldLayoutMkLst>
        </pc:sldLayoutChg>
        <pc:sldLayoutChg chg="del">
          <pc:chgData name="Muhammad Hami Asma'l ISMAIL" userId="a8660aee-7994-4c5b-bbca-19bd60ee1bac" providerId="ADAL" clId="{B27A35D8-9177-42CA-8498-80B4504FAB7A}" dt="2020-12-02T02:13:33.739" v="2700" actId="2696"/>
          <pc:sldLayoutMkLst>
            <pc:docMk/>
            <pc:sldMasterMk cId="1086816533" sldId="2147483656"/>
            <pc:sldLayoutMk cId="2050348218" sldId="2147483680"/>
          </pc:sldLayoutMkLst>
        </pc:sldLayoutChg>
        <pc:sldLayoutChg chg="del">
          <pc:chgData name="Muhammad Hami Asma'l ISMAIL" userId="a8660aee-7994-4c5b-bbca-19bd60ee1bac" providerId="ADAL" clId="{B27A35D8-9177-42CA-8498-80B4504FAB7A}" dt="2020-12-02T02:14:42.708" v="2716" actId="2696"/>
          <pc:sldLayoutMkLst>
            <pc:docMk/>
            <pc:sldMasterMk cId="1086816533" sldId="2147483656"/>
            <pc:sldLayoutMk cId="1199869631" sldId="2147483682"/>
          </pc:sldLayoutMkLst>
        </pc:sldLayoutChg>
        <pc:sldLayoutChg chg="del">
          <pc:chgData name="Muhammad Hami Asma'l ISMAIL" userId="a8660aee-7994-4c5b-bbca-19bd60ee1bac" providerId="ADAL" clId="{B27A35D8-9177-42CA-8498-80B4504FAB7A}" dt="2020-12-02T02:14:44.689" v="2718" actId="2696"/>
          <pc:sldLayoutMkLst>
            <pc:docMk/>
            <pc:sldMasterMk cId="1086816533" sldId="2147483656"/>
            <pc:sldLayoutMk cId="3110339206" sldId="2147483683"/>
          </pc:sldLayoutMkLst>
        </pc:sldLayoutChg>
        <pc:sldLayoutChg chg="del">
          <pc:chgData name="Muhammad Hami Asma'l ISMAIL" userId="a8660aee-7994-4c5b-bbca-19bd60ee1bac" providerId="ADAL" clId="{B27A35D8-9177-42CA-8498-80B4504FAB7A}" dt="2020-12-02T00:47:00.822" v="1207" actId="2696"/>
          <pc:sldLayoutMkLst>
            <pc:docMk/>
            <pc:sldMasterMk cId="1086816533" sldId="2147483656"/>
            <pc:sldLayoutMk cId="3027385051" sldId="2147483684"/>
          </pc:sldLayoutMkLst>
        </pc:sldLayout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FFF11A2-AFA8-4D0D-A483-2FBD862EB1F3}" type="datetimeFigureOut">
              <a:rPr lang="en-US" smtClean="0"/>
              <a:t>08-Dec-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B138F87-9608-4771-92E8-8B334EA6264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645008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B138F87-9608-4771-92E8-8B334EA62640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24264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B138F87-9608-4771-92E8-8B334EA62640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616171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aper 1:</a:t>
            </a:r>
          </a:p>
          <a:p>
            <a:r>
              <a:rPr lang="en-US" dirty="0"/>
              <a:t>See slide</a:t>
            </a:r>
          </a:p>
          <a:p>
            <a:r>
              <a:rPr lang="en-US" dirty="0"/>
              <a:t>(Reserve for Q&amp;A: CKAA (Case Based Knowledge Algorithm) &amp; KGRA (Knowledge Based Graphic Recognition)</a:t>
            </a:r>
          </a:p>
          <a:p>
            <a:endParaRPr lang="en-US" dirty="0"/>
          </a:p>
          <a:p>
            <a:r>
              <a:rPr lang="en-US" dirty="0"/>
              <a:t>Paper 2:</a:t>
            </a:r>
          </a:p>
          <a:p>
            <a:r>
              <a:rPr lang="en-US" sz="12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-Objects do not form regions of similar shades of color. Instead, they are just areas defined by black lines on white background. (Sometimes also other colors are used).</a:t>
            </a:r>
          </a:p>
          <a:p>
            <a:r>
              <a:rPr lang="en-US" sz="12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-Detection time does not matter unlike in video feed analysis.</a:t>
            </a:r>
          </a:p>
          <a:p>
            <a:r>
              <a:rPr lang="en-US" sz="12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-Lines </a:t>
            </a:r>
            <a:r>
              <a:rPr lang="en-US" sz="1200" b="0" i="0" u="none" strike="noStrike" kern="1200" baseline="0" dirty="0" err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dening</a:t>
            </a:r>
            <a:r>
              <a:rPr lang="en-US" sz="12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components, connections, and related texts are typically of the same color. Therefore, component detection has to be made by considering the whole shape of an object rather than individual lines or region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B138F87-9608-4771-92E8-8B334EA62640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344813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aper 3:</a:t>
            </a:r>
          </a:p>
          <a:p>
            <a:r>
              <a:rPr lang="en-US" dirty="0"/>
              <a:t>See Slide</a:t>
            </a:r>
          </a:p>
          <a:p>
            <a:r>
              <a:rPr lang="en-US" dirty="0"/>
              <a:t>FPN (Fully Convolutional Network) - to detect symbols</a:t>
            </a:r>
          </a:p>
          <a:p>
            <a:r>
              <a:rPr lang="en-US" dirty="0"/>
              <a:t>CTPN (Connectionist Text Proposal Network) – for detect pipeline codes</a:t>
            </a:r>
          </a:p>
          <a:p>
            <a:endParaRPr lang="en-US" dirty="0"/>
          </a:p>
          <a:p>
            <a:r>
              <a:rPr lang="en-US" dirty="0"/>
              <a:t>Paper 4:</a:t>
            </a:r>
          </a:p>
          <a:p>
            <a:r>
              <a:rPr lang="en-US" dirty="0"/>
              <a:t>See slid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B138F87-9608-4771-92E8-8B334EA62640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113026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596180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rototype – to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B138F87-9608-4771-92E8-8B334EA62640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902986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548632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_Contents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924324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4_Contents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6220100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6_Contents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CC5B47D6-DAD7-40A6-BD10-CD2FABB1321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/>
          </a:p>
        </p:txBody>
      </p:sp>
    </p:spTree>
    <p:extLst>
      <p:ext uri="{BB962C8B-B14F-4D97-AF65-F5344CB8AC3E}">
        <p14:creationId xmlns:p14="http://schemas.microsoft.com/office/powerpoint/2010/main" val="93209449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sli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2">
            <a:extLst>
              <a:ext uri="{FF2B5EF4-FFF2-40B4-BE49-F238E27FC236}">
                <a16:creationId xmlns:a16="http://schemas.microsoft.com/office/drawing/2014/main" id="{27960874-3F9B-4D3F-855A-5669B09C929B}"/>
              </a:ext>
            </a:extLst>
          </p:cNvPr>
          <p:cNvSpPr>
            <a:spLocks noGrp="1"/>
          </p:cNvSpPr>
          <p:nvPr>
            <p:ph type="pic" idx="12" hasCustomPrompt="1"/>
          </p:nvPr>
        </p:nvSpPr>
        <p:spPr>
          <a:xfrm>
            <a:off x="0" y="0"/>
            <a:ext cx="12192000" cy="3135087"/>
          </a:xfrm>
          <a:prstGeom prst="rect">
            <a:avLst/>
          </a:prstGeom>
          <a:solidFill>
            <a:schemeClr val="bg1">
              <a:lumMod val="95000"/>
            </a:schemeClr>
          </a:solidFill>
          <a:ln w="12700">
            <a:noFill/>
          </a:ln>
        </p:spPr>
        <p:txBody>
          <a:bodyPr anchor="ctr"/>
          <a:lstStyle>
            <a:lvl1pPr marL="0" indent="0" algn="ctr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pitchFamily="34" charset="0"/>
              </a:defRPr>
            </a:lvl1pPr>
            <a:lvl2pPr marL="457223" indent="0">
              <a:buNone/>
              <a:defRPr sz="2800"/>
            </a:lvl2pPr>
            <a:lvl3pPr marL="914446" indent="0">
              <a:buNone/>
              <a:defRPr sz="2400"/>
            </a:lvl3pPr>
            <a:lvl4pPr marL="1371669" indent="0">
              <a:buNone/>
              <a:defRPr sz="2000"/>
            </a:lvl4pPr>
            <a:lvl5pPr marL="1828891" indent="0">
              <a:buNone/>
              <a:defRPr sz="2000"/>
            </a:lvl5pPr>
            <a:lvl6pPr marL="2286114" indent="0">
              <a:buNone/>
              <a:defRPr sz="2000"/>
            </a:lvl6pPr>
            <a:lvl7pPr marL="2743337" indent="0">
              <a:buNone/>
              <a:defRPr sz="2000"/>
            </a:lvl7pPr>
            <a:lvl8pPr marL="3200560" indent="0">
              <a:buNone/>
              <a:defRPr sz="2000"/>
            </a:lvl8pPr>
            <a:lvl9pPr marL="3657783" indent="0">
              <a:buNone/>
              <a:defRPr sz="2000"/>
            </a:lvl9pPr>
          </a:lstStyle>
          <a:p>
            <a:r>
              <a:rPr lang="en-US" altLang="ko-KR" dirty="0"/>
              <a:t>Your Picture Here And Send To Back </a:t>
            </a:r>
            <a:endParaRPr lang="ko-KR" altLang="en-US" dirty="0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2B1140DE-B7EF-4821-92DB-87F8292871AB}"/>
              </a:ext>
            </a:extLst>
          </p:cNvPr>
          <p:cNvSpPr>
            <a:spLocks noGrp="1"/>
          </p:cNvSpPr>
          <p:nvPr>
            <p:ph type="pic" idx="13" hasCustomPrompt="1"/>
          </p:nvPr>
        </p:nvSpPr>
        <p:spPr>
          <a:xfrm>
            <a:off x="905623" y="2078266"/>
            <a:ext cx="2298160" cy="2088000"/>
          </a:xfrm>
          <a:prstGeom prst="rect">
            <a:avLst/>
          </a:prstGeom>
          <a:solidFill>
            <a:schemeClr val="bg1">
              <a:lumMod val="95000"/>
            </a:schemeClr>
          </a:solidFill>
          <a:ln w="12700">
            <a:noFill/>
          </a:ln>
        </p:spPr>
        <p:txBody>
          <a:bodyPr anchor="ctr"/>
          <a:lstStyle>
            <a:lvl1pPr marL="0" indent="0" algn="ctr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pitchFamily="34" charset="0"/>
              </a:defRPr>
            </a:lvl1pPr>
            <a:lvl2pPr marL="457223" indent="0">
              <a:buNone/>
              <a:defRPr sz="2800"/>
            </a:lvl2pPr>
            <a:lvl3pPr marL="914446" indent="0">
              <a:buNone/>
              <a:defRPr sz="2400"/>
            </a:lvl3pPr>
            <a:lvl4pPr marL="1371669" indent="0">
              <a:buNone/>
              <a:defRPr sz="2000"/>
            </a:lvl4pPr>
            <a:lvl5pPr marL="1828891" indent="0">
              <a:buNone/>
              <a:defRPr sz="2000"/>
            </a:lvl5pPr>
            <a:lvl6pPr marL="2286114" indent="0">
              <a:buNone/>
              <a:defRPr sz="2000"/>
            </a:lvl6pPr>
            <a:lvl7pPr marL="2743337" indent="0">
              <a:buNone/>
              <a:defRPr sz="2000"/>
            </a:lvl7pPr>
            <a:lvl8pPr marL="3200560" indent="0">
              <a:buNone/>
              <a:defRPr sz="2000"/>
            </a:lvl8pPr>
            <a:lvl9pPr marL="3657783" indent="0">
              <a:buNone/>
              <a:defRPr sz="2000"/>
            </a:lvl9pPr>
          </a:lstStyle>
          <a:p>
            <a:r>
              <a:rPr lang="en-US" altLang="ko-KR" dirty="0"/>
              <a:t>Your Picture Here </a:t>
            </a:r>
          </a:p>
          <a:p>
            <a:r>
              <a:rPr lang="en-US" altLang="ko-KR" dirty="0"/>
              <a:t>And Send To Back </a:t>
            </a:r>
            <a:endParaRPr lang="ko-KR" altLang="en-US" dirty="0"/>
          </a:p>
        </p:txBody>
      </p:sp>
      <p:sp>
        <p:nvSpPr>
          <p:cNvPr id="6" name="Picture Placeholder 2">
            <a:extLst>
              <a:ext uri="{FF2B5EF4-FFF2-40B4-BE49-F238E27FC236}">
                <a16:creationId xmlns:a16="http://schemas.microsoft.com/office/drawing/2014/main" id="{72D1BE3B-CE32-4F45-9E7C-3CF4C5DACDCA}"/>
              </a:ext>
            </a:extLst>
          </p:cNvPr>
          <p:cNvSpPr>
            <a:spLocks noGrp="1"/>
          </p:cNvSpPr>
          <p:nvPr>
            <p:ph type="pic" idx="14" hasCustomPrompt="1"/>
          </p:nvPr>
        </p:nvSpPr>
        <p:spPr>
          <a:xfrm>
            <a:off x="6282361" y="2078266"/>
            <a:ext cx="2298160" cy="2088000"/>
          </a:xfrm>
          <a:prstGeom prst="rect">
            <a:avLst/>
          </a:prstGeom>
          <a:solidFill>
            <a:schemeClr val="bg1">
              <a:lumMod val="95000"/>
            </a:schemeClr>
          </a:solidFill>
          <a:ln w="12700">
            <a:noFill/>
          </a:ln>
        </p:spPr>
        <p:txBody>
          <a:bodyPr anchor="ctr"/>
          <a:lstStyle>
            <a:lvl1pPr marL="0" indent="0" algn="ctr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pitchFamily="34" charset="0"/>
              </a:defRPr>
            </a:lvl1pPr>
            <a:lvl2pPr marL="457223" indent="0">
              <a:buNone/>
              <a:defRPr sz="2800"/>
            </a:lvl2pPr>
            <a:lvl3pPr marL="914446" indent="0">
              <a:buNone/>
              <a:defRPr sz="2400"/>
            </a:lvl3pPr>
            <a:lvl4pPr marL="1371669" indent="0">
              <a:buNone/>
              <a:defRPr sz="2000"/>
            </a:lvl4pPr>
            <a:lvl5pPr marL="1828891" indent="0">
              <a:buNone/>
              <a:defRPr sz="2000"/>
            </a:lvl5pPr>
            <a:lvl6pPr marL="2286114" indent="0">
              <a:buNone/>
              <a:defRPr sz="2000"/>
            </a:lvl6pPr>
            <a:lvl7pPr marL="2743337" indent="0">
              <a:buNone/>
              <a:defRPr sz="2000"/>
            </a:lvl7pPr>
            <a:lvl8pPr marL="3200560" indent="0">
              <a:buNone/>
              <a:defRPr sz="2000"/>
            </a:lvl8pPr>
            <a:lvl9pPr marL="3657783" indent="0">
              <a:buNone/>
              <a:defRPr sz="2000"/>
            </a:lvl9pPr>
          </a:lstStyle>
          <a:p>
            <a:r>
              <a:rPr lang="en-US" altLang="ko-KR" dirty="0"/>
              <a:t>Your Picture Here </a:t>
            </a:r>
          </a:p>
          <a:p>
            <a:r>
              <a:rPr lang="en-US" altLang="ko-KR" dirty="0"/>
              <a:t>And Send To Back </a:t>
            </a:r>
            <a:endParaRPr lang="ko-KR" altLang="en-US" dirty="0"/>
          </a:p>
        </p:txBody>
      </p:sp>
      <p:sp>
        <p:nvSpPr>
          <p:cNvPr id="7" name="Picture Placeholder 2">
            <a:extLst>
              <a:ext uri="{FF2B5EF4-FFF2-40B4-BE49-F238E27FC236}">
                <a16:creationId xmlns:a16="http://schemas.microsoft.com/office/drawing/2014/main" id="{6F1FA09A-98C2-4BC7-A032-43C843531C64}"/>
              </a:ext>
            </a:extLst>
          </p:cNvPr>
          <p:cNvSpPr>
            <a:spLocks noGrp="1"/>
          </p:cNvSpPr>
          <p:nvPr>
            <p:ph type="pic" idx="15" hasCustomPrompt="1"/>
          </p:nvPr>
        </p:nvSpPr>
        <p:spPr>
          <a:xfrm>
            <a:off x="3593992" y="2078266"/>
            <a:ext cx="2298160" cy="2088000"/>
          </a:xfrm>
          <a:prstGeom prst="rect">
            <a:avLst/>
          </a:prstGeom>
          <a:solidFill>
            <a:schemeClr val="bg1">
              <a:lumMod val="95000"/>
            </a:schemeClr>
          </a:solidFill>
          <a:ln w="12700">
            <a:noFill/>
          </a:ln>
        </p:spPr>
        <p:txBody>
          <a:bodyPr anchor="ctr"/>
          <a:lstStyle>
            <a:lvl1pPr marL="0" indent="0" algn="ctr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pitchFamily="34" charset="0"/>
              </a:defRPr>
            </a:lvl1pPr>
            <a:lvl2pPr marL="457223" indent="0">
              <a:buNone/>
              <a:defRPr sz="2800"/>
            </a:lvl2pPr>
            <a:lvl3pPr marL="914446" indent="0">
              <a:buNone/>
              <a:defRPr sz="2400"/>
            </a:lvl3pPr>
            <a:lvl4pPr marL="1371669" indent="0">
              <a:buNone/>
              <a:defRPr sz="2000"/>
            </a:lvl4pPr>
            <a:lvl5pPr marL="1828891" indent="0">
              <a:buNone/>
              <a:defRPr sz="2000"/>
            </a:lvl5pPr>
            <a:lvl6pPr marL="2286114" indent="0">
              <a:buNone/>
              <a:defRPr sz="2000"/>
            </a:lvl6pPr>
            <a:lvl7pPr marL="2743337" indent="0">
              <a:buNone/>
              <a:defRPr sz="2000"/>
            </a:lvl7pPr>
            <a:lvl8pPr marL="3200560" indent="0">
              <a:buNone/>
              <a:defRPr sz="2000"/>
            </a:lvl8pPr>
            <a:lvl9pPr marL="3657783" indent="0">
              <a:buNone/>
              <a:defRPr sz="2000"/>
            </a:lvl9pPr>
          </a:lstStyle>
          <a:p>
            <a:r>
              <a:rPr lang="en-US" altLang="ko-KR" dirty="0"/>
              <a:t>Your Picture Here </a:t>
            </a:r>
          </a:p>
          <a:p>
            <a:r>
              <a:rPr lang="en-US" altLang="ko-KR" dirty="0"/>
              <a:t>And Send To Back </a:t>
            </a:r>
            <a:endParaRPr lang="ko-KR" altLang="en-US" dirty="0"/>
          </a:p>
        </p:txBody>
      </p:sp>
      <p:sp>
        <p:nvSpPr>
          <p:cNvPr id="8" name="Picture Placeholder 2">
            <a:extLst>
              <a:ext uri="{FF2B5EF4-FFF2-40B4-BE49-F238E27FC236}">
                <a16:creationId xmlns:a16="http://schemas.microsoft.com/office/drawing/2014/main" id="{28718837-365D-4859-B99D-1C4C5BB7E508}"/>
              </a:ext>
            </a:extLst>
          </p:cNvPr>
          <p:cNvSpPr>
            <a:spLocks noGrp="1"/>
          </p:cNvSpPr>
          <p:nvPr>
            <p:ph type="pic" idx="16" hasCustomPrompt="1"/>
          </p:nvPr>
        </p:nvSpPr>
        <p:spPr>
          <a:xfrm>
            <a:off x="8970731" y="2078266"/>
            <a:ext cx="2298160" cy="2088000"/>
          </a:xfrm>
          <a:prstGeom prst="rect">
            <a:avLst/>
          </a:prstGeom>
          <a:solidFill>
            <a:schemeClr val="bg1">
              <a:lumMod val="95000"/>
            </a:schemeClr>
          </a:solidFill>
          <a:ln w="12700">
            <a:noFill/>
          </a:ln>
        </p:spPr>
        <p:txBody>
          <a:bodyPr anchor="ctr"/>
          <a:lstStyle>
            <a:lvl1pPr marL="0" indent="0" algn="ctr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pitchFamily="34" charset="0"/>
              </a:defRPr>
            </a:lvl1pPr>
            <a:lvl2pPr marL="457223" indent="0">
              <a:buNone/>
              <a:defRPr sz="2800"/>
            </a:lvl2pPr>
            <a:lvl3pPr marL="914446" indent="0">
              <a:buNone/>
              <a:defRPr sz="2400"/>
            </a:lvl3pPr>
            <a:lvl4pPr marL="1371669" indent="0">
              <a:buNone/>
              <a:defRPr sz="2000"/>
            </a:lvl4pPr>
            <a:lvl5pPr marL="1828891" indent="0">
              <a:buNone/>
              <a:defRPr sz="2000"/>
            </a:lvl5pPr>
            <a:lvl6pPr marL="2286114" indent="0">
              <a:buNone/>
              <a:defRPr sz="2000"/>
            </a:lvl6pPr>
            <a:lvl7pPr marL="2743337" indent="0">
              <a:buNone/>
              <a:defRPr sz="2000"/>
            </a:lvl7pPr>
            <a:lvl8pPr marL="3200560" indent="0">
              <a:buNone/>
              <a:defRPr sz="2000"/>
            </a:lvl8pPr>
            <a:lvl9pPr marL="3657783" indent="0">
              <a:buNone/>
              <a:defRPr sz="2000"/>
            </a:lvl9pPr>
          </a:lstStyle>
          <a:p>
            <a:r>
              <a:rPr lang="en-US" altLang="ko-KR" dirty="0"/>
              <a:t>Your Picture Here </a:t>
            </a:r>
          </a:p>
          <a:p>
            <a:r>
              <a:rPr lang="en-US" altLang="ko-KR" dirty="0"/>
              <a:t>And Send To Back </a:t>
            </a:r>
            <a:endParaRPr lang="ko-KR" altLang="en-US" dirty="0"/>
          </a:p>
        </p:txBody>
      </p:sp>
      <p:sp>
        <p:nvSpPr>
          <p:cNvPr id="22" name="Text Placeholder 9">
            <a:extLst>
              <a:ext uri="{FF2B5EF4-FFF2-40B4-BE49-F238E27FC236}">
                <a16:creationId xmlns:a16="http://schemas.microsoft.com/office/drawing/2014/main" id="{4111A57B-317A-41FC-8D5B-458B4DA86DA4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23529" y="740105"/>
            <a:ext cx="11573197" cy="724247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5400" b="0" baseline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  <a:cs typeface="Arial" pitchFamily="34" charset="0"/>
              </a:defRPr>
            </a:lvl1pPr>
          </a:lstStyle>
          <a:p>
            <a:pPr lvl="0"/>
            <a:r>
              <a:rPr lang="en-US" altLang="ko-KR" dirty="0"/>
              <a:t>BASIC LAYOUT</a:t>
            </a:r>
          </a:p>
        </p:txBody>
      </p:sp>
    </p:spTree>
    <p:extLst>
      <p:ext uri="{BB962C8B-B14F-4D97-AF65-F5344CB8AC3E}">
        <p14:creationId xmlns:p14="http://schemas.microsoft.com/office/powerpoint/2010/main" val="408708828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mage sli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ext Placeholder 9">
            <a:extLst>
              <a:ext uri="{FF2B5EF4-FFF2-40B4-BE49-F238E27FC236}">
                <a16:creationId xmlns:a16="http://schemas.microsoft.com/office/drawing/2014/main" id="{4111A57B-317A-41FC-8D5B-458B4DA86DA4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23529" y="339509"/>
            <a:ext cx="11573197" cy="724247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5400" b="0" baseline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  <a:cs typeface="Arial" pitchFamily="34" charset="0"/>
              </a:defRPr>
            </a:lvl1pPr>
          </a:lstStyle>
          <a:p>
            <a:pPr lvl="0"/>
            <a:r>
              <a:rPr lang="en-US" altLang="ko-KR" dirty="0"/>
              <a:t>BASIC LAYOUT</a:t>
            </a:r>
          </a:p>
        </p:txBody>
      </p:sp>
      <p:sp>
        <p:nvSpPr>
          <p:cNvPr id="4" name="Picture Placeholder 2">
            <a:extLst>
              <a:ext uri="{FF2B5EF4-FFF2-40B4-BE49-F238E27FC236}">
                <a16:creationId xmlns:a16="http://schemas.microsoft.com/office/drawing/2014/main" id="{8E24A2BE-80CE-4B79-BF31-91FA62C04420}"/>
              </a:ext>
            </a:extLst>
          </p:cNvPr>
          <p:cNvSpPr>
            <a:spLocks noGrp="1"/>
          </p:cNvSpPr>
          <p:nvPr>
            <p:ph type="pic" idx="13" hasCustomPrompt="1"/>
          </p:nvPr>
        </p:nvSpPr>
        <p:spPr>
          <a:xfrm>
            <a:off x="0" y="2160665"/>
            <a:ext cx="12192000" cy="250276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indent="0" algn="ctr">
              <a:buNone/>
              <a:defRPr sz="1800" baseline="0">
                <a:latin typeface="+mn-lt"/>
                <a:cs typeface="Arial" pitchFamily="34" charset="0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altLang="ko-KR" dirty="0"/>
              <a:t>Your Picture Here And Send To Back </a:t>
            </a:r>
            <a:endParaRPr lang="ko-KR" alt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2F51014-6E90-4769-BCD9-A06A9FC17AC8}"/>
              </a:ext>
            </a:extLst>
          </p:cNvPr>
          <p:cNvSpPr/>
          <p:nvPr userDrawn="1"/>
        </p:nvSpPr>
        <p:spPr>
          <a:xfrm>
            <a:off x="0" y="2026940"/>
            <a:ext cx="12192000" cy="72008"/>
          </a:xfrm>
          <a:prstGeom prst="rect">
            <a:avLst/>
          </a:prstGeom>
          <a:solidFill>
            <a:schemeClr val="accent6">
              <a:lumMod val="50000"/>
            </a:scheme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80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D8BC926F-7282-4E00-BF8A-8D24B274039B}"/>
              </a:ext>
            </a:extLst>
          </p:cNvPr>
          <p:cNvSpPr/>
          <p:nvPr userDrawn="1"/>
        </p:nvSpPr>
        <p:spPr>
          <a:xfrm>
            <a:off x="0" y="4725144"/>
            <a:ext cx="12192000" cy="72008"/>
          </a:xfrm>
          <a:prstGeom prst="rect">
            <a:avLst/>
          </a:prstGeom>
          <a:solidFill>
            <a:schemeClr val="accent6">
              <a:lumMod val="50000"/>
            </a:scheme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800"/>
          </a:p>
        </p:txBody>
      </p:sp>
    </p:spTree>
    <p:extLst>
      <p:ext uri="{BB962C8B-B14F-4D97-AF65-F5344CB8AC3E}">
        <p14:creationId xmlns:p14="http://schemas.microsoft.com/office/powerpoint/2010/main" val="315033626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1_Images &amp; Content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그림 개체 틀 12">
            <a:extLst>
              <a:ext uri="{FF2B5EF4-FFF2-40B4-BE49-F238E27FC236}">
                <a16:creationId xmlns:a16="http://schemas.microsoft.com/office/drawing/2014/main" id="{A7A44CD1-8791-4411-9DCF-BE8F9EB9EB13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99070" y="1223317"/>
            <a:ext cx="5441094" cy="4721980"/>
          </a:xfrm>
          <a:custGeom>
            <a:avLst/>
            <a:gdLst>
              <a:gd name="connsiteX0" fmla="*/ 2090352 w 5441094"/>
              <a:gd name="connsiteY0" fmla="*/ 2977952 h 4721980"/>
              <a:gd name="connsiteX1" fmla="*/ 3101888 w 5441094"/>
              <a:gd name="connsiteY1" fmla="*/ 4721980 h 4721980"/>
              <a:gd name="connsiteX2" fmla="*/ 1078816 w 5441094"/>
              <a:gd name="connsiteY2" fmla="*/ 4721980 h 4721980"/>
              <a:gd name="connsiteX3" fmla="*/ 2191267 w 5441094"/>
              <a:gd name="connsiteY3" fmla="*/ 2940880 h 4721980"/>
              <a:gd name="connsiteX4" fmla="*/ 4155992 w 5441094"/>
              <a:gd name="connsiteY4" fmla="*/ 2940880 h 4721980"/>
              <a:gd name="connsiteX5" fmla="*/ 3173629 w 5441094"/>
              <a:gd name="connsiteY5" fmla="*/ 4634609 h 4721980"/>
              <a:gd name="connsiteX6" fmla="*/ 0 w 5441094"/>
              <a:gd name="connsiteY6" fmla="*/ 2928524 h 4721980"/>
              <a:gd name="connsiteX7" fmla="*/ 2023072 w 5441094"/>
              <a:gd name="connsiteY7" fmla="*/ 2928524 h 4721980"/>
              <a:gd name="connsiteX8" fmla="*/ 1011536 w 5441094"/>
              <a:gd name="connsiteY8" fmla="*/ 4672552 h 4721980"/>
              <a:gd name="connsiteX9" fmla="*/ 982363 w 5441094"/>
              <a:gd name="connsiteY9" fmla="*/ 1120204 h 4721980"/>
              <a:gd name="connsiteX10" fmla="*/ 1964725 w 5441094"/>
              <a:gd name="connsiteY10" fmla="*/ 2813933 h 4721980"/>
              <a:gd name="connsiteX11" fmla="*/ 0 w 5441094"/>
              <a:gd name="connsiteY11" fmla="*/ 2813933 h 4721980"/>
              <a:gd name="connsiteX12" fmla="*/ 3816180 w 5441094"/>
              <a:gd name="connsiteY12" fmla="*/ 12357 h 4721980"/>
              <a:gd name="connsiteX13" fmla="*/ 5441094 w 5441094"/>
              <a:gd name="connsiteY13" fmla="*/ 2813933 h 4721980"/>
              <a:gd name="connsiteX14" fmla="*/ 2191266 w 5441094"/>
              <a:gd name="connsiteY14" fmla="*/ 2813933 h 4721980"/>
              <a:gd name="connsiteX15" fmla="*/ 465439 w 5441094"/>
              <a:gd name="connsiteY15" fmla="*/ 0 h 4721980"/>
              <a:gd name="connsiteX16" fmla="*/ 3715267 w 5441094"/>
              <a:gd name="connsiteY16" fmla="*/ 0 h 4721980"/>
              <a:gd name="connsiteX17" fmla="*/ 2090353 w 5441094"/>
              <a:gd name="connsiteY17" fmla="*/ 2801576 h 47219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5441094" h="4721980">
                <a:moveTo>
                  <a:pt x="2090352" y="2977952"/>
                </a:moveTo>
                <a:lnTo>
                  <a:pt x="3101888" y="4721980"/>
                </a:lnTo>
                <a:lnTo>
                  <a:pt x="1078816" y="4721980"/>
                </a:lnTo>
                <a:close/>
                <a:moveTo>
                  <a:pt x="2191267" y="2940880"/>
                </a:moveTo>
                <a:lnTo>
                  <a:pt x="4155992" y="2940880"/>
                </a:lnTo>
                <a:lnTo>
                  <a:pt x="3173629" y="4634609"/>
                </a:lnTo>
                <a:close/>
                <a:moveTo>
                  <a:pt x="0" y="2928524"/>
                </a:moveTo>
                <a:lnTo>
                  <a:pt x="2023072" y="2928524"/>
                </a:lnTo>
                <a:lnTo>
                  <a:pt x="1011536" y="4672552"/>
                </a:lnTo>
                <a:close/>
                <a:moveTo>
                  <a:pt x="982363" y="1120204"/>
                </a:moveTo>
                <a:lnTo>
                  <a:pt x="1964725" y="2813933"/>
                </a:lnTo>
                <a:lnTo>
                  <a:pt x="0" y="2813933"/>
                </a:lnTo>
                <a:close/>
                <a:moveTo>
                  <a:pt x="3816180" y="12357"/>
                </a:moveTo>
                <a:lnTo>
                  <a:pt x="5441094" y="2813933"/>
                </a:lnTo>
                <a:lnTo>
                  <a:pt x="2191266" y="2813933"/>
                </a:lnTo>
                <a:close/>
                <a:moveTo>
                  <a:pt x="465439" y="0"/>
                </a:moveTo>
                <a:lnTo>
                  <a:pt x="3715267" y="0"/>
                </a:lnTo>
                <a:lnTo>
                  <a:pt x="2090353" y="2801576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  <a:effectLst/>
        </p:spPr>
        <p:txBody>
          <a:bodyPr wrap="square" anchor="ctr">
            <a:noAutofit/>
          </a:bodyPr>
          <a:lstStyle>
            <a:lvl1pPr marL="0" marR="0" indent="0" algn="ctr" defTabSz="914446" rtl="0" eaLnBrk="1" fontAlgn="auto" latinLnBrk="1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800"/>
            </a:lvl1pPr>
          </a:lstStyle>
          <a:p>
            <a:r>
              <a:rPr lang="en-US" altLang="ko-KR" dirty="0"/>
              <a:t>Your Picture Here And Send To Back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220458456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mage sli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ext Placeholder 9">
            <a:extLst>
              <a:ext uri="{FF2B5EF4-FFF2-40B4-BE49-F238E27FC236}">
                <a16:creationId xmlns:a16="http://schemas.microsoft.com/office/drawing/2014/main" id="{4111A57B-317A-41FC-8D5B-458B4DA86DA4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23529" y="339509"/>
            <a:ext cx="11573197" cy="724247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5400" b="0" baseline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  <a:cs typeface="Arial" pitchFamily="34" charset="0"/>
              </a:defRPr>
            </a:lvl1pPr>
          </a:lstStyle>
          <a:p>
            <a:pPr lvl="0"/>
            <a:r>
              <a:rPr lang="en-US" altLang="ko-KR" dirty="0"/>
              <a:t>BASIC LAYOUT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7C24402-8447-448E-89E3-183EBB1DA00D}"/>
              </a:ext>
            </a:extLst>
          </p:cNvPr>
          <p:cNvSpPr/>
          <p:nvPr userDrawn="1"/>
        </p:nvSpPr>
        <p:spPr>
          <a:xfrm>
            <a:off x="0" y="2996952"/>
            <a:ext cx="12192000" cy="18722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1800"/>
          </a:p>
        </p:txBody>
      </p:sp>
      <p:grpSp>
        <p:nvGrpSpPr>
          <p:cNvPr id="5" name="Group 6">
            <a:extLst>
              <a:ext uri="{FF2B5EF4-FFF2-40B4-BE49-F238E27FC236}">
                <a16:creationId xmlns:a16="http://schemas.microsoft.com/office/drawing/2014/main" id="{E4CF9D97-FAE0-4B0A-A30C-8936E46C66B2}"/>
              </a:ext>
            </a:extLst>
          </p:cNvPr>
          <p:cNvGrpSpPr/>
          <p:nvPr userDrawn="1"/>
        </p:nvGrpSpPr>
        <p:grpSpPr>
          <a:xfrm>
            <a:off x="4763852" y="1553600"/>
            <a:ext cx="2664296" cy="4683693"/>
            <a:chOff x="445712" y="1449040"/>
            <a:chExt cx="2113018" cy="3924176"/>
          </a:xfrm>
        </p:grpSpPr>
        <p:sp>
          <p:nvSpPr>
            <p:cNvPr id="6" name="Rounded Rectangle 7">
              <a:extLst>
                <a:ext uri="{FF2B5EF4-FFF2-40B4-BE49-F238E27FC236}">
                  <a16:creationId xmlns:a16="http://schemas.microsoft.com/office/drawing/2014/main" id="{A665FA86-6430-4D7E-ABCB-4F8C3E52E09B}"/>
                </a:ext>
              </a:extLst>
            </p:cNvPr>
            <p:cNvSpPr/>
            <p:nvPr userDrawn="1"/>
          </p:nvSpPr>
          <p:spPr>
            <a:xfrm>
              <a:off x="445712" y="1449040"/>
              <a:ext cx="2113018" cy="3924176"/>
            </a:xfrm>
            <a:prstGeom prst="roundRect">
              <a:avLst>
                <a:gd name="adj" fmla="val 13580"/>
              </a:avLst>
            </a:prstGeom>
            <a:solidFill>
              <a:srgbClr val="262626"/>
            </a:solidFill>
            <a:ln w="88900">
              <a:noFill/>
            </a:ln>
            <a:effectLst/>
            <a:scene3d>
              <a:camera prst="perspectiveFront"/>
              <a:lightRig rig="threePt" dir="t"/>
            </a:scene3d>
            <a:sp3d prstMaterial="plastic">
              <a:bevelT w="127000" h="50800"/>
              <a:bevelB w="127000" h="2540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800"/>
            </a:p>
          </p:txBody>
        </p:sp>
        <p:sp>
          <p:nvSpPr>
            <p:cNvPr id="7" name="Rectangle 8">
              <a:extLst>
                <a:ext uri="{FF2B5EF4-FFF2-40B4-BE49-F238E27FC236}">
                  <a16:creationId xmlns:a16="http://schemas.microsoft.com/office/drawing/2014/main" id="{53DAFBD2-84EC-4D6B-80BE-DA2118509069}"/>
                </a:ext>
              </a:extLst>
            </p:cNvPr>
            <p:cNvSpPr/>
            <p:nvPr userDrawn="1"/>
          </p:nvSpPr>
          <p:spPr>
            <a:xfrm>
              <a:off x="1379920" y="1650572"/>
              <a:ext cx="216024" cy="34350"/>
            </a:xfrm>
            <a:prstGeom prst="rect">
              <a:avLst/>
            </a:prstGeom>
            <a:solidFill>
              <a:srgbClr val="B0B0B0"/>
            </a:solidFill>
            <a:ln w="889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1800"/>
            </a:p>
          </p:txBody>
        </p:sp>
        <p:grpSp>
          <p:nvGrpSpPr>
            <p:cNvPr id="8" name="Group 10">
              <a:extLst>
                <a:ext uri="{FF2B5EF4-FFF2-40B4-BE49-F238E27FC236}">
                  <a16:creationId xmlns:a16="http://schemas.microsoft.com/office/drawing/2014/main" id="{78866A3A-5A93-49E6-8DE2-C98FC661D430}"/>
                </a:ext>
              </a:extLst>
            </p:cNvPr>
            <p:cNvGrpSpPr/>
            <p:nvPr userDrawn="1"/>
          </p:nvGrpSpPr>
          <p:grpSpPr>
            <a:xfrm>
              <a:off x="1407705" y="5045834"/>
              <a:ext cx="211967" cy="211967"/>
              <a:chOff x="1549420" y="5712364"/>
              <a:chExt cx="312583" cy="312583"/>
            </a:xfrm>
          </p:grpSpPr>
          <p:sp>
            <p:nvSpPr>
              <p:cNvPr id="9" name="Oval 11">
                <a:extLst>
                  <a:ext uri="{FF2B5EF4-FFF2-40B4-BE49-F238E27FC236}">
                    <a16:creationId xmlns:a16="http://schemas.microsoft.com/office/drawing/2014/main" id="{EB10029A-074D-4812-8AB6-62EF3ED73579}"/>
                  </a:ext>
                </a:extLst>
              </p:cNvPr>
              <p:cNvSpPr/>
              <p:nvPr userDrawn="1"/>
            </p:nvSpPr>
            <p:spPr>
              <a:xfrm>
                <a:off x="1549420" y="5712364"/>
                <a:ext cx="312583" cy="312583"/>
              </a:xfrm>
              <a:prstGeom prst="ellipse">
                <a:avLst/>
              </a:prstGeom>
              <a:gradFill flip="none" rotWithShape="1">
                <a:gsLst>
                  <a:gs pos="0">
                    <a:schemeClr val="tx1">
                      <a:lumMod val="94000"/>
                      <a:lumOff val="6000"/>
                    </a:schemeClr>
                  </a:gs>
                  <a:gs pos="56000">
                    <a:schemeClr val="tx1">
                      <a:lumMod val="65000"/>
                      <a:lumOff val="35000"/>
                    </a:schemeClr>
                  </a:gs>
                  <a:gs pos="91000">
                    <a:schemeClr val="tx1">
                      <a:lumMod val="50000"/>
                      <a:lumOff val="50000"/>
                    </a:schemeClr>
                  </a:gs>
                  <a:gs pos="100000">
                    <a:schemeClr val="bg1">
                      <a:lumMod val="75000"/>
                    </a:schemeClr>
                  </a:gs>
                </a:gsLst>
                <a:lin ang="10800000" scaled="1"/>
                <a:tileRect/>
              </a:gradFill>
              <a:ln w="0">
                <a:solidFill>
                  <a:srgbClr val="262626"/>
                </a:solidFill>
              </a:ln>
              <a:scene3d>
                <a:camera prst="perspectiveFront"/>
                <a:lightRig rig="threePt" dir="t"/>
              </a:scene3d>
              <a:sp3d>
                <a:bevelT w="63500" h="12700"/>
              </a:sp3d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1800"/>
              </a:p>
            </p:txBody>
          </p:sp>
          <p:sp>
            <p:nvSpPr>
              <p:cNvPr id="10" name="Rounded Rectangle 12">
                <a:extLst>
                  <a:ext uri="{FF2B5EF4-FFF2-40B4-BE49-F238E27FC236}">
                    <a16:creationId xmlns:a16="http://schemas.microsoft.com/office/drawing/2014/main" id="{BE572564-2A3A-45E0-93B7-2FB78757998F}"/>
                  </a:ext>
                </a:extLst>
              </p:cNvPr>
              <p:cNvSpPr/>
              <p:nvPr userDrawn="1"/>
            </p:nvSpPr>
            <p:spPr>
              <a:xfrm>
                <a:off x="1634225" y="5796647"/>
                <a:ext cx="142969" cy="144016"/>
              </a:xfrm>
              <a:prstGeom prst="roundRect">
                <a:avLst/>
              </a:prstGeom>
              <a:solidFill>
                <a:srgbClr val="737373"/>
              </a:solidFill>
              <a:ln w="6350">
                <a:solidFill>
                  <a:srgbClr val="B0B0B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 sz="1800"/>
              </a:p>
            </p:txBody>
          </p:sp>
        </p:grpSp>
      </p:grpSp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242F8FDE-91AA-45DB-A05E-7507C27F30F6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4951770" y="1965170"/>
            <a:ext cx="2288460" cy="3753075"/>
          </a:xfrm>
          <a:prstGeom prst="rect">
            <a:avLst/>
          </a:prstGeom>
          <a:solidFill>
            <a:schemeClr val="bg1">
              <a:lumMod val="95000"/>
            </a:schemeClr>
          </a:solidFill>
          <a:ln w="12700">
            <a:noFill/>
          </a:ln>
        </p:spPr>
        <p:txBody>
          <a:bodyPr anchor="ctr"/>
          <a:lstStyle>
            <a:lvl1pPr marL="0" indent="0" algn="ctr">
              <a:buNone/>
              <a:defRPr sz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pitchFamily="34" charset="0"/>
              </a:defRPr>
            </a:lvl1pPr>
            <a:lvl2pPr marL="457223" indent="0">
              <a:buNone/>
              <a:defRPr sz="2800"/>
            </a:lvl2pPr>
            <a:lvl3pPr marL="914446" indent="0">
              <a:buNone/>
              <a:defRPr sz="2400"/>
            </a:lvl3pPr>
            <a:lvl4pPr marL="1371669" indent="0">
              <a:buNone/>
              <a:defRPr sz="2000"/>
            </a:lvl4pPr>
            <a:lvl5pPr marL="1828891" indent="0">
              <a:buNone/>
              <a:defRPr sz="2000"/>
            </a:lvl5pPr>
            <a:lvl6pPr marL="2286114" indent="0">
              <a:buNone/>
              <a:defRPr sz="2000"/>
            </a:lvl6pPr>
            <a:lvl7pPr marL="2743337" indent="0">
              <a:buNone/>
              <a:defRPr sz="2000"/>
            </a:lvl7pPr>
            <a:lvl8pPr marL="3200560" indent="0">
              <a:buNone/>
              <a:defRPr sz="2000"/>
            </a:lvl8pPr>
            <a:lvl9pPr marL="3657783" indent="0">
              <a:buNone/>
              <a:defRPr sz="2000"/>
            </a:lvl9pPr>
          </a:lstStyle>
          <a:p>
            <a:r>
              <a:rPr lang="en-US" altLang="ko-KR" dirty="0"/>
              <a:t>Your Picture Here </a:t>
            </a:r>
            <a:endParaRPr lang="ko-KR" altLang="en-US" dirty="0"/>
          </a:p>
        </p:txBody>
      </p:sp>
    </p:spTree>
    <p:extLst>
      <p:ext uri="{BB962C8B-B14F-4D97-AF65-F5344CB8AC3E}">
        <p14:creationId xmlns:p14="http://schemas.microsoft.com/office/powerpoint/2010/main" val="176538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81"/>
            <a:ext cx="105156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79C65CE8-4186-4EF3-A508-A12E5E686468}"/>
              </a:ext>
            </a:extLst>
          </p:cNvPr>
          <p:cNvGrpSpPr/>
          <p:nvPr userDrawn="1"/>
        </p:nvGrpSpPr>
        <p:grpSpPr>
          <a:xfrm>
            <a:off x="12554553" y="1"/>
            <a:ext cx="1647523" cy="1816099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0A32BB05-B08C-4D73-BFF9-25A2D9328D4D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2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BC568985-A849-45B0-B77A-2F6998D822D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64672567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582494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06597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 sli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9">
            <a:extLst>
              <a:ext uri="{FF2B5EF4-FFF2-40B4-BE49-F238E27FC236}">
                <a16:creationId xmlns:a16="http://schemas.microsoft.com/office/drawing/2014/main" id="{23DE32A5-6181-4C51-AD5C-3F1A448478A1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23529" y="339509"/>
            <a:ext cx="11573197" cy="724247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5400" b="0" baseline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  <a:cs typeface="Arial" pitchFamily="34" charset="0"/>
              </a:defRPr>
            </a:lvl1pPr>
          </a:lstStyle>
          <a:p>
            <a:pPr lvl="0"/>
            <a:r>
              <a:rPr lang="en-US" altLang="ko-KR" dirty="0"/>
              <a:t>BASIC LAYOUT</a:t>
            </a:r>
          </a:p>
        </p:txBody>
      </p:sp>
    </p:spTree>
    <p:extLst>
      <p:ext uri="{BB962C8B-B14F-4D97-AF65-F5344CB8AC3E}">
        <p14:creationId xmlns:p14="http://schemas.microsoft.com/office/powerpoint/2010/main" val="40640229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Contents sli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9">
            <a:extLst>
              <a:ext uri="{FF2B5EF4-FFF2-40B4-BE49-F238E27FC236}">
                <a16:creationId xmlns:a16="http://schemas.microsoft.com/office/drawing/2014/main" id="{23DE32A5-6181-4C51-AD5C-3F1A448478A1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23529" y="339509"/>
            <a:ext cx="11573197" cy="724247"/>
          </a:xfrm>
          <a:prstGeom prst="rect">
            <a:avLst/>
          </a:prstGeom>
        </p:spPr>
        <p:txBody>
          <a:bodyPr anchor="ctr"/>
          <a:lstStyle>
            <a:lvl1pPr marL="0" indent="0" algn="ctr">
              <a:buNone/>
              <a:defRPr sz="5400" b="0" baseline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  <a:cs typeface="Arial" pitchFamily="34" charset="0"/>
              </a:defRPr>
            </a:lvl1pPr>
          </a:lstStyle>
          <a:p>
            <a:pPr lvl="0"/>
            <a:r>
              <a:rPr lang="en-US" altLang="ko-KR" dirty="0"/>
              <a:t>BASIC LAYOUT</a:t>
            </a:r>
          </a:p>
        </p:txBody>
      </p:sp>
    </p:spTree>
    <p:extLst>
      <p:ext uri="{BB962C8B-B14F-4D97-AF65-F5344CB8AC3E}">
        <p14:creationId xmlns:p14="http://schemas.microsoft.com/office/powerpoint/2010/main" val="25144837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Contents slid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965023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Contents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037784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5_Contents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9282930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Contents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46998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Contents slide layout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747449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.xml"/><Relationship Id="rId13" Type="http://schemas.openxmlformats.org/officeDocument/2006/relationships/slideLayout" Target="../slideLayouts/slideLayout15.xml"/><Relationship Id="rId3" Type="http://schemas.openxmlformats.org/officeDocument/2006/relationships/slideLayout" Target="../slideLayouts/slideLayout5.xml"/><Relationship Id="rId7" Type="http://schemas.openxmlformats.org/officeDocument/2006/relationships/slideLayout" Target="../slideLayouts/slideLayout9.xml"/><Relationship Id="rId12" Type="http://schemas.openxmlformats.org/officeDocument/2006/relationships/slideLayout" Target="../slideLayouts/slideLayout14.xml"/><Relationship Id="rId2" Type="http://schemas.openxmlformats.org/officeDocument/2006/relationships/slideLayout" Target="../slideLayouts/slideLayout4.xml"/><Relationship Id="rId16" Type="http://schemas.openxmlformats.org/officeDocument/2006/relationships/theme" Target="../theme/theme2.xml"/><Relationship Id="rId1" Type="http://schemas.openxmlformats.org/officeDocument/2006/relationships/slideLayout" Target="../slideLayouts/slideLayout3.xml"/><Relationship Id="rId6" Type="http://schemas.openxmlformats.org/officeDocument/2006/relationships/slideLayout" Target="../slideLayouts/slideLayout8.xml"/><Relationship Id="rId11" Type="http://schemas.openxmlformats.org/officeDocument/2006/relationships/slideLayout" Target="../slideLayouts/slideLayout13.xml"/><Relationship Id="rId5" Type="http://schemas.openxmlformats.org/officeDocument/2006/relationships/slideLayout" Target="../slideLayouts/slideLayout7.xml"/><Relationship Id="rId1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12.xml"/><Relationship Id="rId4" Type="http://schemas.openxmlformats.org/officeDocument/2006/relationships/slideLayout" Target="../slideLayouts/slideLayout6.xml"/><Relationship Id="rId9" Type="http://schemas.openxmlformats.org/officeDocument/2006/relationships/slideLayout" Target="../slideLayouts/slideLayout11.xml"/><Relationship Id="rId14" Type="http://schemas.openxmlformats.org/officeDocument/2006/relationships/slideLayout" Target="../slideLayouts/slideLayout16.xml"/></Relationships>
</file>

<file path=ppt/slideMasters/_rels/slideMaster3.xml.rels><?xml version="1.0" encoding="UTF-8" standalone="yes"?>
<Relationships xmlns="http://schemas.openxmlformats.org/package/2006/relationships"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1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6916987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2" r:id="rId1"/>
    <p:sldLayoutId id="2147483653" r:id="rId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868165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7" r:id="rId1"/>
    <p:sldLayoutId id="2147483666" r:id="rId2"/>
    <p:sldLayoutId id="2147483668" r:id="rId3"/>
    <p:sldLayoutId id="2147483669" r:id="rId4"/>
    <p:sldLayoutId id="2147483675" r:id="rId5"/>
    <p:sldLayoutId id="2147483671" r:id="rId6"/>
    <p:sldLayoutId id="2147483672" r:id="rId7"/>
    <p:sldLayoutId id="2147483673" r:id="rId8"/>
    <p:sldLayoutId id="2147483674" r:id="rId9"/>
    <p:sldLayoutId id="2147483676" r:id="rId10"/>
    <p:sldLayoutId id="2147483665" r:id="rId11"/>
    <p:sldLayoutId id="2147483677" r:id="rId12"/>
    <p:sldLayoutId id="2147483681" r:id="rId13"/>
    <p:sldLayoutId id="2147483678" r:id="rId14"/>
    <p:sldLayoutId id="2147483684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525535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19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2.png"/><Relationship Id="rId4" Type="http://schemas.openxmlformats.org/officeDocument/2006/relationships/image" Target="../media/image15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image" Target="../media/image12.jpg"/><Relationship Id="rId5" Type="http://schemas.openxmlformats.org/officeDocument/2006/relationships/tags" Target="../tags/tag5.xml"/><Relationship Id="rId10" Type="http://schemas.openxmlformats.org/officeDocument/2006/relationships/notesSlide" Target="../notesSlides/notesSlide5.xml"/><Relationship Id="rId4" Type="http://schemas.openxmlformats.org/officeDocument/2006/relationships/tags" Target="../tags/tag4.xml"/><Relationship Id="rId9" Type="http://schemas.openxmlformats.org/officeDocument/2006/relationships/slideLayout" Target="../slideLayouts/slideLayout17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>
            <a:extLst>
              <a:ext uri="{FF2B5EF4-FFF2-40B4-BE49-F238E27FC236}">
                <a16:creationId xmlns:a16="http://schemas.microsoft.com/office/drawing/2014/main" id="{CE2BF505-7DE6-4F49-BE53-8357C3CFAD67}"/>
              </a:ext>
            </a:extLst>
          </p:cNvPr>
          <p:cNvGrpSpPr/>
          <p:nvPr/>
        </p:nvGrpSpPr>
        <p:grpSpPr>
          <a:xfrm>
            <a:off x="10046387" y="194480"/>
            <a:ext cx="1684599" cy="413563"/>
            <a:chOff x="864753" y="5755727"/>
            <a:chExt cx="1544830" cy="413563"/>
          </a:xfrm>
        </p:grpSpPr>
        <p:sp>
          <p:nvSpPr>
            <p:cNvPr id="9" name="Rounded Rectangle 7">
              <a:extLst>
                <a:ext uri="{FF2B5EF4-FFF2-40B4-BE49-F238E27FC236}">
                  <a16:creationId xmlns:a16="http://schemas.microsoft.com/office/drawing/2014/main" id="{76510AC1-6796-4AAE-826B-82E3C6C83F08}"/>
                </a:ext>
              </a:extLst>
            </p:cNvPr>
            <p:cNvSpPr/>
            <p:nvPr/>
          </p:nvSpPr>
          <p:spPr>
            <a:xfrm>
              <a:off x="864753" y="5755727"/>
              <a:ext cx="1544830" cy="413563"/>
            </a:xfrm>
            <a:prstGeom prst="roundRect">
              <a:avLst>
                <a:gd name="adj" fmla="val 50000"/>
              </a:avLst>
            </a:prstGeom>
            <a:solidFill>
              <a:schemeClr val="bg1">
                <a:alpha val="0"/>
              </a:schemeClr>
            </a:solidFill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700" dirty="0"/>
            </a:p>
          </p:txBody>
        </p:sp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1AA9B7A6-AA04-48A1-8F03-8478DA0AB4E2}"/>
                </a:ext>
              </a:extLst>
            </p:cNvPr>
            <p:cNvSpPr/>
            <p:nvPr/>
          </p:nvSpPr>
          <p:spPr>
            <a:xfrm>
              <a:off x="1584900" y="5839450"/>
              <a:ext cx="493113" cy="238870"/>
            </a:xfrm>
            <a:custGeom>
              <a:avLst/>
              <a:gdLst>
                <a:gd name="connsiteX0" fmla="*/ 208619 w 476008"/>
                <a:gd name="connsiteY0" fmla="*/ 31142 h 184091"/>
                <a:gd name="connsiteX1" fmla="*/ 208619 w 476008"/>
                <a:gd name="connsiteY1" fmla="*/ 83381 h 184091"/>
                <a:gd name="connsiteX2" fmla="*/ 228962 w 476008"/>
                <a:gd name="connsiteY2" fmla="*/ 83381 h 184091"/>
                <a:gd name="connsiteX3" fmla="*/ 258347 w 476008"/>
                <a:gd name="connsiteY3" fmla="*/ 80493 h 184091"/>
                <a:gd name="connsiteX4" fmla="*/ 269962 w 476008"/>
                <a:gd name="connsiteY4" fmla="*/ 71452 h 184091"/>
                <a:gd name="connsiteX5" fmla="*/ 274169 w 476008"/>
                <a:gd name="connsiteY5" fmla="*/ 57136 h 184091"/>
                <a:gd name="connsiteX6" fmla="*/ 268267 w 476008"/>
                <a:gd name="connsiteY6" fmla="*/ 40560 h 184091"/>
                <a:gd name="connsiteX7" fmla="*/ 253324 w 476008"/>
                <a:gd name="connsiteY7" fmla="*/ 32398 h 184091"/>
                <a:gd name="connsiteX8" fmla="*/ 226576 w 476008"/>
                <a:gd name="connsiteY8" fmla="*/ 31142 h 184091"/>
                <a:gd name="connsiteX9" fmla="*/ 37169 w 476008"/>
                <a:gd name="connsiteY9" fmla="*/ 31142 h 184091"/>
                <a:gd name="connsiteX10" fmla="*/ 37169 w 476008"/>
                <a:gd name="connsiteY10" fmla="*/ 83381 h 184091"/>
                <a:gd name="connsiteX11" fmla="*/ 57512 w 476008"/>
                <a:gd name="connsiteY11" fmla="*/ 83381 h 184091"/>
                <a:gd name="connsiteX12" fmla="*/ 86897 w 476008"/>
                <a:gd name="connsiteY12" fmla="*/ 80493 h 184091"/>
                <a:gd name="connsiteX13" fmla="*/ 98512 w 476008"/>
                <a:gd name="connsiteY13" fmla="*/ 71452 h 184091"/>
                <a:gd name="connsiteX14" fmla="*/ 102719 w 476008"/>
                <a:gd name="connsiteY14" fmla="*/ 57136 h 184091"/>
                <a:gd name="connsiteX15" fmla="*/ 96817 w 476008"/>
                <a:gd name="connsiteY15" fmla="*/ 40560 h 184091"/>
                <a:gd name="connsiteX16" fmla="*/ 81874 w 476008"/>
                <a:gd name="connsiteY16" fmla="*/ 32398 h 184091"/>
                <a:gd name="connsiteX17" fmla="*/ 55126 w 476008"/>
                <a:gd name="connsiteY17" fmla="*/ 31142 h 184091"/>
                <a:gd name="connsiteX18" fmla="*/ 329714 w 476008"/>
                <a:gd name="connsiteY18" fmla="*/ 0 h 184091"/>
                <a:gd name="connsiteX19" fmla="*/ 476008 w 476008"/>
                <a:gd name="connsiteY19" fmla="*/ 0 h 184091"/>
                <a:gd name="connsiteX20" fmla="*/ 476008 w 476008"/>
                <a:gd name="connsiteY20" fmla="*/ 31142 h 184091"/>
                <a:gd name="connsiteX21" fmla="*/ 421509 w 476008"/>
                <a:gd name="connsiteY21" fmla="*/ 31142 h 184091"/>
                <a:gd name="connsiteX22" fmla="*/ 421509 w 476008"/>
                <a:gd name="connsiteY22" fmla="*/ 184091 h 184091"/>
                <a:gd name="connsiteX23" fmla="*/ 384339 w 476008"/>
                <a:gd name="connsiteY23" fmla="*/ 184091 h 184091"/>
                <a:gd name="connsiteX24" fmla="*/ 384339 w 476008"/>
                <a:gd name="connsiteY24" fmla="*/ 31142 h 184091"/>
                <a:gd name="connsiteX25" fmla="*/ 329714 w 476008"/>
                <a:gd name="connsiteY25" fmla="*/ 31142 h 184091"/>
                <a:gd name="connsiteX26" fmla="*/ 171450 w 476008"/>
                <a:gd name="connsiteY26" fmla="*/ 0 h 184091"/>
                <a:gd name="connsiteX27" fmla="*/ 231097 w 476008"/>
                <a:gd name="connsiteY27" fmla="*/ 0 h 184091"/>
                <a:gd name="connsiteX28" fmla="*/ 275299 w 476008"/>
                <a:gd name="connsiteY28" fmla="*/ 2763 h 184091"/>
                <a:gd name="connsiteX29" fmla="*/ 301795 w 476008"/>
                <a:gd name="connsiteY29" fmla="*/ 20783 h 184091"/>
                <a:gd name="connsiteX30" fmla="*/ 312469 w 476008"/>
                <a:gd name="connsiteY30" fmla="*/ 56634 h 184091"/>
                <a:gd name="connsiteX31" fmla="*/ 306316 w 476008"/>
                <a:gd name="connsiteY31" fmla="*/ 85139 h 184091"/>
                <a:gd name="connsiteX32" fmla="*/ 290682 w 476008"/>
                <a:gd name="connsiteY32" fmla="*/ 103285 h 184091"/>
                <a:gd name="connsiteX33" fmla="*/ 271406 w 476008"/>
                <a:gd name="connsiteY33" fmla="*/ 112012 h 184091"/>
                <a:gd name="connsiteX34" fmla="*/ 232855 w 476008"/>
                <a:gd name="connsiteY34" fmla="*/ 114649 h 184091"/>
                <a:gd name="connsiteX35" fmla="*/ 208619 w 476008"/>
                <a:gd name="connsiteY35" fmla="*/ 114649 h 184091"/>
                <a:gd name="connsiteX36" fmla="*/ 208619 w 476008"/>
                <a:gd name="connsiteY36" fmla="*/ 184091 h 184091"/>
                <a:gd name="connsiteX37" fmla="*/ 171450 w 476008"/>
                <a:gd name="connsiteY37" fmla="*/ 184091 h 184091"/>
                <a:gd name="connsiteX38" fmla="*/ 0 w 476008"/>
                <a:gd name="connsiteY38" fmla="*/ 0 h 184091"/>
                <a:gd name="connsiteX39" fmla="*/ 59647 w 476008"/>
                <a:gd name="connsiteY39" fmla="*/ 0 h 184091"/>
                <a:gd name="connsiteX40" fmla="*/ 103849 w 476008"/>
                <a:gd name="connsiteY40" fmla="*/ 2763 h 184091"/>
                <a:gd name="connsiteX41" fmla="*/ 130345 w 476008"/>
                <a:gd name="connsiteY41" fmla="*/ 20783 h 184091"/>
                <a:gd name="connsiteX42" fmla="*/ 141019 w 476008"/>
                <a:gd name="connsiteY42" fmla="*/ 56634 h 184091"/>
                <a:gd name="connsiteX43" fmla="*/ 134866 w 476008"/>
                <a:gd name="connsiteY43" fmla="*/ 85139 h 184091"/>
                <a:gd name="connsiteX44" fmla="*/ 119232 w 476008"/>
                <a:gd name="connsiteY44" fmla="*/ 103285 h 184091"/>
                <a:gd name="connsiteX45" fmla="*/ 99956 w 476008"/>
                <a:gd name="connsiteY45" fmla="*/ 112012 h 184091"/>
                <a:gd name="connsiteX46" fmla="*/ 61405 w 476008"/>
                <a:gd name="connsiteY46" fmla="*/ 114649 h 184091"/>
                <a:gd name="connsiteX47" fmla="*/ 37169 w 476008"/>
                <a:gd name="connsiteY47" fmla="*/ 114649 h 184091"/>
                <a:gd name="connsiteX48" fmla="*/ 37169 w 476008"/>
                <a:gd name="connsiteY48" fmla="*/ 184091 h 184091"/>
                <a:gd name="connsiteX49" fmla="*/ 0 w 476008"/>
                <a:gd name="connsiteY49" fmla="*/ 184091 h 1840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</a:cxnLst>
              <a:rect l="l" t="t" r="r" b="b"/>
              <a:pathLst>
                <a:path w="476008" h="184091">
                  <a:moveTo>
                    <a:pt x="208619" y="31142"/>
                  </a:moveTo>
                  <a:lnTo>
                    <a:pt x="208619" y="83381"/>
                  </a:lnTo>
                  <a:lnTo>
                    <a:pt x="228962" y="83381"/>
                  </a:lnTo>
                  <a:cubicBezTo>
                    <a:pt x="243613" y="83381"/>
                    <a:pt x="253407" y="82418"/>
                    <a:pt x="258347" y="80493"/>
                  </a:cubicBezTo>
                  <a:cubicBezTo>
                    <a:pt x="263286" y="78567"/>
                    <a:pt x="267158" y="75554"/>
                    <a:pt x="269962" y="71452"/>
                  </a:cubicBezTo>
                  <a:cubicBezTo>
                    <a:pt x="272767" y="67350"/>
                    <a:pt x="274169" y="62578"/>
                    <a:pt x="274169" y="57136"/>
                  </a:cubicBezTo>
                  <a:cubicBezTo>
                    <a:pt x="274169" y="50439"/>
                    <a:pt x="272202" y="44914"/>
                    <a:pt x="268267" y="40560"/>
                  </a:cubicBezTo>
                  <a:cubicBezTo>
                    <a:pt x="264332" y="36207"/>
                    <a:pt x="259351" y="33486"/>
                    <a:pt x="253324" y="32398"/>
                  </a:cubicBezTo>
                  <a:cubicBezTo>
                    <a:pt x="248887" y="31561"/>
                    <a:pt x="239971" y="31142"/>
                    <a:pt x="226576" y="31142"/>
                  </a:cubicBezTo>
                  <a:close/>
                  <a:moveTo>
                    <a:pt x="37169" y="31142"/>
                  </a:moveTo>
                  <a:lnTo>
                    <a:pt x="37169" y="83381"/>
                  </a:lnTo>
                  <a:lnTo>
                    <a:pt x="57512" y="83381"/>
                  </a:lnTo>
                  <a:cubicBezTo>
                    <a:pt x="72163" y="83381"/>
                    <a:pt x="81957" y="82418"/>
                    <a:pt x="86897" y="80493"/>
                  </a:cubicBezTo>
                  <a:cubicBezTo>
                    <a:pt x="91836" y="78567"/>
                    <a:pt x="95708" y="75554"/>
                    <a:pt x="98512" y="71452"/>
                  </a:cubicBezTo>
                  <a:cubicBezTo>
                    <a:pt x="101317" y="67350"/>
                    <a:pt x="102719" y="62578"/>
                    <a:pt x="102719" y="57136"/>
                  </a:cubicBezTo>
                  <a:cubicBezTo>
                    <a:pt x="102719" y="50439"/>
                    <a:pt x="100752" y="44914"/>
                    <a:pt x="96817" y="40560"/>
                  </a:cubicBezTo>
                  <a:cubicBezTo>
                    <a:pt x="92882" y="36207"/>
                    <a:pt x="87901" y="33486"/>
                    <a:pt x="81874" y="32398"/>
                  </a:cubicBezTo>
                  <a:cubicBezTo>
                    <a:pt x="77437" y="31561"/>
                    <a:pt x="68521" y="31142"/>
                    <a:pt x="55126" y="31142"/>
                  </a:cubicBezTo>
                  <a:close/>
                  <a:moveTo>
                    <a:pt x="329714" y="0"/>
                  </a:moveTo>
                  <a:lnTo>
                    <a:pt x="476008" y="0"/>
                  </a:lnTo>
                  <a:lnTo>
                    <a:pt x="476008" y="31142"/>
                  </a:lnTo>
                  <a:lnTo>
                    <a:pt x="421509" y="31142"/>
                  </a:lnTo>
                  <a:lnTo>
                    <a:pt x="421509" y="184091"/>
                  </a:lnTo>
                  <a:lnTo>
                    <a:pt x="384339" y="184091"/>
                  </a:lnTo>
                  <a:lnTo>
                    <a:pt x="384339" y="31142"/>
                  </a:lnTo>
                  <a:lnTo>
                    <a:pt x="329714" y="31142"/>
                  </a:lnTo>
                  <a:close/>
                  <a:moveTo>
                    <a:pt x="171450" y="0"/>
                  </a:moveTo>
                  <a:lnTo>
                    <a:pt x="231097" y="0"/>
                  </a:lnTo>
                  <a:cubicBezTo>
                    <a:pt x="253700" y="0"/>
                    <a:pt x="268434" y="921"/>
                    <a:pt x="275299" y="2763"/>
                  </a:cubicBezTo>
                  <a:cubicBezTo>
                    <a:pt x="285847" y="5525"/>
                    <a:pt x="294679" y="11532"/>
                    <a:pt x="301795" y="20783"/>
                  </a:cubicBezTo>
                  <a:cubicBezTo>
                    <a:pt x="308911" y="30033"/>
                    <a:pt x="312469" y="41984"/>
                    <a:pt x="312469" y="56634"/>
                  </a:cubicBezTo>
                  <a:cubicBezTo>
                    <a:pt x="312469" y="67936"/>
                    <a:pt x="310418" y="77437"/>
                    <a:pt x="306316" y="85139"/>
                  </a:cubicBezTo>
                  <a:cubicBezTo>
                    <a:pt x="302214" y="92841"/>
                    <a:pt x="297002" y="98889"/>
                    <a:pt x="290682" y="103285"/>
                  </a:cubicBezTo>
                  <a:cubicBezTo>
                    <a:pt x="284361" y="107680"/>
                    <a:pt x="277936" y="110589"/>
                    <a:pt x="271406" y="112012"/>
                  </a:cubicBezTo>
                  <a:cubicBezTo>
                    <a:pt x="262532" y="113770"/>
                    <a:pt x="249682" y="114649"/>
                    <a:pt x="232855" y="114649"/>
                  </a:cubicBezTo>
                  <a:lnTo>
                    <a:pt x="208619" y="114649"/>
                  </a:lnTo>
                  <a:lnTo>
                    <a:pt x="208619" y="184091"/>
                  </a:lnTo>
                  <a:lnTo>
                    <a:pt x="171450" y="184091"/>
                  </a:lnTo>
                  <a:close/>
                  <a:moveTo>
                    <a:pt x="0" y="0"/>
                  </a:moveTo>
                  <a:lnTo>
                    <a:pt x="59647" y="0"/>
                  </a:lnTo>
                  <a:cubicBezTo>
                    <a:pt x="82250" y="0"/>
                    <a:pt x="96984" y="921"/>
                    <a:pt x="103849" y="2763"/>
                  </a:cubicBezTo>
                  <a:cubicBezTo>
                    <a:pt x="114397" y="5525"/>
                    <a:pt x="123229" y="11532"/>
                    <a:pt x="130345" y="20783"/>
                  </a:cubicBezTo>
                  <a:cubicBezTo>
                    <a:pt x="137461" y="30033"/>
                    <a:pt x="141019" y="41984"/>
                    <a:pt x="141019" y="56634"/>
                  </a:cubicBezTo>
                  <a:cubicBezTo>
                    <a:pt x="141019" y="67936"/>
                    <a:pt x="138968" y="77437"/>
                    <a:pt x="134866" y="85139"/>
                  </a:cubicBezTo>
                  <a:cubicBezTo>
                    <a:pt x="130764" y="92841"/>
                    <a:pt x="125552" y="98889"/>
                    <a:pt x="119232" y="103285"/>
                  </a:cubicBezTo>
                  <a:cubicBezTo>
                    <a:pt x="112911" y="107680"/>
                    <a:pt x="106486" y="110589"/>
                    <a:pt x="99956" y="112012"/>
                  </a:cubicBezTo>
                  <a:cubicBezTo>
                    <a:pt x="91082" y="113770"/>
                    <a:pt x="78232" y="114649"/>
                    <a:pt x="61405" y="114649"/>
                  </a:cubicBezTo>
                  <a:lnTo>
                    <a:pt x="37169" y="114649"/>
                  </a:lnTo>
                  <a:lnTo>
                    <a:pt x="37169" y="184091"/>
                  </a:lnTo>
                  <a:lnTo>
                    <a:pt x="0" y="184091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9B1FA3CF-9802-4908-BF1F-FFF6919AFED7}"/>
                </a:ext>
              </a:extLst>
            </p:cNvPr>
            <p:cNvSpPr/>
            <p:nvPr/>
          </p:nvSpPr>
          <p:spPr>
            <a:xfrm>
              <a:off x="1095829" y="5851239"/>
              <a:ext cx="164495" cy="228600"/>
            </a:xfrm>
            <a:custGeom>
              <a:avLst/>
              <a:gdLst>
                <a:gd name="connsiteX0" fmla="*/ 0 w 164495"/>
                <a:gd name="connsiteY0" fmla="*/ 208038 h 212876"/>
                <a:gd name="connsiteX1" fmla="*/ 79828 w 164495"/>
                <a:gd name="connsiteY1" fmla="*/ 0 h 212876"/>
                <a:gd name="connsiteX2" fmla="*/ 164495 w 164495"/>
                <a:gd name="connsiteY2" fmla="*/ 212876 h 2128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64495" h="212876">
                  <a:moveTo>
                    <a:pt x="0" y="208038"/>
                  </a:moveTo>
                  <a:lnTo>
                    <a:pt x="79828" y="0"/>
                  </a:lnTo>
                  <a:lnTo>
                    <a:pt x="164495" y="212876"/>
                  </a:lnTo>
                </a:path>
              </a:pathLst>
            </a:cu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D67BCD5F-023B-4928-A8BA-960BE01DD3FA}"/>
                </a:ext>
              </a:extLst>
            </p:cNvPr>
            <p:cNvSpPr/>
            <p:nvPr/>
          </p:nvSpPr>
          <p:spPr>
            <a:xfrm>
              <a:off x="1301554" y="5851239"/>
              <a:ext cx="101600" cy="228600"/>
            </a:xfrm>
            <a:custGeom>
              <a:avLst/>
              <a:gdLst>
                <a:gd name="connsiteX0" fmla="*/ 4838 w 101600"/>
                <a:gd name="connsiteY0" fmla="*/ 0 h 220133"/>
                <a:gd name="connsiteX1" fmla="*/ 0 w 101600"/>
                <a:gd name="connsiteY1" fmla="*/ 220133 h 220133"/>
                <a:gd name="connsiteX2" fmla="*/ 101600 w 101600"/>
                <a:gd name="connsiteY2" fmla="*/ 220133 h 2201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1600" h="220133">
                  <a:moveTo>
                    <a:pt x="4838" y="0"/>
                  </a:moveTo>
                  <a:lnTo>
                    <a:pt x="0" y="220133"/>
                  </a:lnTo>
                  <a:lnTo>
                    <a:pt x="101600" y="220133"/>
                  </a:lnTo>
                </a:path>
              </a:pathLst>
            </a:cu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C9E83D94-2B8F-4267-A14B-28F4B1D232E9}"/>
                </a:ext>
              </a:extLst>
            </p:cNvPr>
            <p:cNvSpPr/>
            <p:nvPr/>
          </p:nvSpPr>
          <p:spPr>
            <a:xfrm>
              <a:off x="1444384" y="5851239"/>
              <a:ext cx="101600" cy="228600"/>
            </a:xfrm>
            <a:custGeom>
              <a:avLst/>
              <a:gdLst>
                <a:gd name="connsiteX0" fmla="*/ 4838 w 101600"/>
                <a:gd name="connsiteY0" fmla="*/ 0 h 220133"/>
                <a:gd name="connsiteX1" fmla="*/ 0 w 101600"/>
                <a:gd name="connsiteY1" fmla="*/ 220133 h 220133"/>
                <a:gd name="connsiteX2" fmla="*/ 101600 w 101600"/>
                <a:gd name="connsiteY2" fmla="*/ 220133 h 2201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1600" h="220133">
                  <a:moveTo>
                    <a:pt x="4838" y="0"/>
                  </a:moveTo>
                  <a:lnTo>
                    <a:pt x="0" y="220133"/>
                  </a:lnTo>
                  <a:lnTo>
                    <a:pt x="101600" y="220133"/>
                  </a:lnTo>
                </a:path>
              </a:pathLst>
            </a:custGeom>
            <a:noFill/>
            <a:ln w="15875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A09FB9A1-EA5C-4B9A-9354-78F7C28542B6}"/>
                </a:ext>
              </a:extLst>
            </p:cNvPr>
            <p:cNvSpPr/>
            <p:nvPr/>
          </p:nvSpPr>
          <p:spPr>
            <a:xfrm>
              <a:off x="2040716" y="6018447"/>
              <a:ext cx="200512" cy="61391"/>
            </a:xfrm>
            <a:custGeom>
              <a:avLst/>
              <a:gdLst>
                <a:gd name="connsiteX0" fmla="*/ 0 w 253314"/>
                <a:gd name="connsiteY0" fmla="*/ 61903 h 77558"/>
                <a:gd name="connsiteX1" fmla="*/ 14375 w 253314"/>
                <a:gd name="connsiteY1" fmla="*/ 61903 h 77558"/>
                <a:gd name="connsiteX2" fmla="*/ 14375 w 253314"/>
                <a:gd name="connsiteY2" fmla="*/ 76279 h 77558"/>
                <a:gd name="connsiteX3" fmla="*/ 0 w 253314"/>
                <a:gd name="connsiteY3" fmla="*/ 76279 h 77558"/>
                <a:gd name="connsiteX4" fmla="*/ 138233 w 253314"/>
                <a:gd name="connsiteY4" fmla="*/ 12944 h 77558"/>
                <a:gd name="connsiteX5" fmla="*/ 123141 w 253314"/>
                <a:gd name="connsiteY5" fmla="*/ 19364 h 77558"/>
                <a:gd name="connsiteX6" fmla="*/ 117411 w 253314"/>
                <a:gd name="connsiteY6" fmla="*/ 38728 h 77558"/>
                <a:gd name="connsiteX7" fmla="*/ 123294 w 253314"/>
                <a:gd name="connsiteY7" fmla="*/ 58041 h 77558"/>
                <a:gd name="connsiteX8" fmla="*/ 138233 w 253314"/>
                <a:gd name="connsiteY8" fmla="*/ 64615 h 77558"/>
                <a:gd name="connsiteX9" fmla="*/ 153095 w 253314"/>
                <a:gd name="connsiteY9" fmla="*/ 58092 h 77558"/>
                <a:gd name="connsiteX10" fmla="*/ 158902 w 253314"/>
                <a:gd name="connsiteY10" fmla="*/ 38523 h 77558"/>
                <a:gd name="connsiteX11" fmla="*/ 153248 w 253314"/>
                <a:gd name="connsiteY11" fmla="*/ 19287 h 77558"/>
                <a:gd name="connsiteX12" fmla="*/ 138233 w 253314"/>
                <a:gd name="connsiteY12" fmla="*/ 12944 h 77558"/>
                <a:gd name="connsiteX13" fmla="*/ 180872 w 253314"/>
                <a:gd name="connsiteY13" fmla="*/ 1279 h 77558"/>
                <a:gd name="connsiteX14" fmla="*/ 203536 w 253314"/>
                <a:gd name="connsiteY14" fmla="*/ 1279 h 77558"/>
                <a:gd name="connsiteX15" fmla="*/ 217144 w 253314"/>
                <a:gd name="connsiteY15" fmla="*/ 52439 h 77558"/>
                <a:gd name="connsiteX16" fmla="*/ 230599 w 253314"/>
                <a:gd name="connsiteY16" fmla="*/ 1279 h 77558"/>
                <a:gd name="connsiteX17" fmla="*/ 253314 w 253314"/>
                <a:gd name="connsiteY17" fmla="*/ 1279 h 77558"/>
                <a:gd name="connsiteX18" fmla="*/ 253314 w 253314"/>
                <a:gd name="connsiteY18" fmla="*/ 76279 h 77558"/>
                <a:gd name="connsiteX19" fmla="*/ 239245 w 253314"/>
                <a:gd name="connsiteY19" fmla="*/ 76279 h 77558"/>
                <a:gd name="connsiteX20" fmla="*/ 239245 w 253314"/>
                <a:gd name="connsiteY20" fmla="*/ 17241 h 77558"/>
                <a:gd name="connsiteX21" fmla="*/ 224358 w 253314"/>
                <a:gd name="connsiteY21" fmla="*/ 76279 h 77558"/>
                <a:gd name="connsiteX22" fmla="*/ 209778 w 253314"/>
                <a:gd name="connsiteY22" fmla="*/ 76279 h 77558"/>
                <a:gd name="connsiteX23" fmla="*/ 194941 w 253314"/>
                <a:gd name="connsiteY23" fmla="*/ 17241 h 77558"/>
                <a:gd name="connsiteX24" fmla="*/ 194941 w 253314"/>
                <a:gd name="connsiteY24" fmla="*/ 76279 h 77558"/>
                <a:gd name="connsiteX25" fmla="*/ 180872 w 253314"/>
                <a:gd name="connsiteY25" fmla="*/ 76279 h 77558"/>
                <a:gd name="connsiteX26" fmla="*/ 138080 w 253314"/>
                <a:gd name="connsiteY26" fmla="*/ 0 h 77558"/>
                <a:gd name="connsiteX27" fmla="*/ 164606 w 253314"/>
                <a:gd name="connsiteY27" fmla="*/ 10283 h 77558"/>
                <a:gd name="connsiteX28" fmla="*/ 174556 w 253314"/>
                <a:gd name="connsiteY28" fmla="*/ 38882 h 77558"/>
                <a:gd name="connsiteX29" fmla="*/ 164683 w 253314"/>
                <a:gd name="connsiteY29" fmla="*/ 67301 h 77558"/>
                <a:gd name="connsiteX30" fmla="*/ 138284 w 253314"/>
                <a:gd name="connsiteY30" fmla="*/ 77558 h 77558"/>
                <a:gd name="connsiteX31" fmla="*/ 111681 w 253314"/>
                <a:gd name="connsiteY31" fmla="*/ 67352 h 77558"/>
                <a:gd name="connsiteX32" fmla="*/ 101807 w 253314"/>
                <a:gd name="connsiteY32" fmla="*/ 39240 h 77558"/>
                <a:gd name="connsiteX33" fmla="*/ 105235 w 253314"/>
                <a:gd name="connsiteY33" fmla="*/ 20004 h 77558"/>
                <a:gd name="connsiteX34" fmla="*/ 112218 w 253314"/>
                <a:gd name="connsiteY34" fmla="*/ 9721 h 77558"/>
                <a:gd name="connsiteX35" fmla="*/ 121913 w 253314"/>
                <a:gd name="connsiteY35" fmla="*/ 2967 h 77558"/>
                <a:gd name="connsiteX36" fmla="*/ 138080 w 253314"/>
                <a:gd name="connsiteY36" fmla="*/ 0 h 77558"/>
                <a:gd name="connsiteX37" fmla="*/ 61112 w 253314"/>
                <a:gd name="connsiteY37" fmla="*/ 0 h 77558"/>
                <a:gd name="connsiteX38" fmla="*/ 83469 w 253314"/>
                <a:gd name="connsiteY38" fmla="*/ 8135 h 77558"/>
                <a:gd name="connsiteX39" fmla="*/ 91143 w 253314"/>
                <a:gd name="connsiteY39" fmla="*/ 21948 h 77558"/>
                <a:gd name="connsiteX40" fmla="*/ 76153 w 253314"/>
                <a:gd name="connsiteY40" fmla="*/ 25529 h 77558"/>
                <a:gd name="connsiteX41" fmla="*/ 70602 w 253314"/>
                <a:gd name="connsiteY41" fmla="*/ 16320 h 77558"/>
                <a:gd name="connsiteX42" fmla="*/ 60345 w 253314"/>
                <a:gd name="connsiteY42" fmla="*/ 12944 h 77558"/>
                <a:gd name="connsiteX43" fmla="*/ 46813 w 253314"/>
                <a:gd name="connsiteY43" fmla="*/ 18929 h 77558"/>
                <a:gd name="connsiteX44" fmla="*/ 41620 w 253314"/>
                <a:gd name="connsiteY44" fmla="*/ 38319 h 77558"/>
                <a:gd name="connsiteX45" fmla="*/ 46736 w 253314"/>
                <a:gd name="connsiteY45" fmla="*/ 58578 h 77558"/>
                <a:gd name="connsiteX46" fmla="*/ 60038 w 253314"/>
                <a:gd name="connsiteY46" fmla="*/ 64615 h 77558"/>
                <a:gd name="connsiteX47" fmla="*/ 70423 w 253314"/>
                <a:gd name="connsiteY47" fmla="*/ 60778 h 77558"/>
                <a:gd name="connsiteX48" fmla="*/ 76665 w 253314"/>
                <a:gd name="connsiteY48" fmla="*/ 48704 h 77558"/>
                <a:gd name="connsiteX49" fmla="*/ 91348 w 253314"/>
                <a:gd name="connsiteY49" fmla="*/ 53360 h 77558"/>
                <a:gd name="connsiteX50" fmla="*/ 80118 w 253314"/>
                <a:gd name="connsiteY50" fmla="*/ 71598 h 77558"/>
                <a:gd name="connsiteX51" fmla="*/ 60191 w 253314"/>
                <a:gd name="connsiteY51" fmla="*/ 77558 h 77558"/>
                <a:gd name="connsiteX52" fmla="*/ 35635 w 253314"/>
                <a:gd name="connsiteY52" fmla="*/ 67352 h 77558"/>
                <a:gd name="connsiteX53" fmla="*/ 26017 w 253314"/>
                <a:gd name="connsiteY53" fmla="*/ 39444 h 77558"/>
                <a:gd name="connsiteX54" fmla="*/ 35686 w 253314"/>
                <a:gd name="connsiteY54" fmla="*/ 10360 h 77558"/>
                <a:gd name="connsiteX55" fmla="*/ 61112 w 253314"/>
                <a:gd name="connsiteY55" fmla="*/ 0 h 775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</a:cxnLst>
              <a:rect l="l" t="t" r="r" b="b"/>
              <a:pathLst>
                <a:path w="253314" h="77558">
                  <a:moveTo>
                    <a:pt x="0" y="61903"/>
                  </a:moveTo>
                  <a:lnTo>
                    <a:pt x="14375" y="61903"/>
                  </a:lnTo>
                  <a:lnTo>
                    <a:pt x="14375" y="76279"/>
                  </a:lnTo>
                  <a:lnTo>
                    <a:pt x="0" y="76279"/>
                  </a:lnTo>
                  <a:close/>
                  <a:moveTo>
                    <a:pt x="138233" y="12944"/>
                  </a:moveTo>
                  <a:cubicBezTo>
                    <a:pt x="131992" y="12944"/>
                    <a:pt x="126961" y="15084"/>
                    <a:pt x="123141" y="19364"/>
                  </a:cubicBezTo>
                  <a:cubicBezTo>
                    <a:pt x="119321" y="23644"/>
                    <a:pt x="117411" y="30099"/>
                    <a:pt x="117411" y="38728"/>
                  </a:cubicBezTo>
                  <a:cubicBezTo>
                    <a:pt x="117411" y="47221"/>
                    <a:pt x="119372" y="53658"/>
                    <a:pt x="123294" y="58041"/>
                  </a:cubicBezTo>
                  <a:cubicBezTo>
                    <a:pt x="127217" y="62423"/>
                    <a:pt x="132196" y="64615"/>
                    <a:pt x="138233" y="64615"/>
                  </a:cubicBezTo>
                  <a:cubicBezTo>
                    <a:pt x="144270" y="64615"/>
                    <a:pt x="149224" y="62441"/>
                    <a:pt x="153095" y="58092"/>
                  </a:cubicBezTo>
                  <a:cubicBezTo>
                    <a:pt x="156966" y="53743"/>
                    <a:pt x="158902" y="47221"/>
                    <a:pt x="158902" y="38523"/>
                  </a:cubicBezTo>
                  <a:cubicBezTo>
                    <a:pt x="158902" y="29929"/>
                    <a:pt x="157017" y="23517"/>
                    <a:pt x="153248" y="19287"/>
                  </a:cubicBezTo>
                  <a:cubicBezTo>
                    <a:pt x="149480" y="15058"/>
                    <a:pt x="144475" y="12944"/>
                    <a:pt x="138233" y="12944"/>
                  </a:cubicBezTo>
                  <a:close/>
                  <a:moveTo>
                    <a:pt x="180872" y="1279"/>
                  </a:moveTo>
                  <a:lnTo>
                    <a:pt x="203536" y="1279"/>
                  </a:lnTo>
                  <a:lnTo>
                    <a:pt x="217144" y="52439"/>
                  </a:lnTo>
                  <a:lnTo>
                    <a:pt x="230599" y="1279"/>
                  </a:lnTo>
                  <a:lnTo>
                    <a:pt x="253314" y="1279"/>
                  </a:lnTo>
                  <a:lnTo>
                    <a:pt x="253314" y="76279"/>
                  </a:lnTo>
                  <a:lnTo>
                    <a:pt x="239245" y="76279"/>
                  </a:lnTo>
                  <a:lnTo>
                    <a:pt x="239245" y="17241"/>
                  </a:lnTo>
                  <a:lnTo>
                    <a:pt x="224358" y="76279"/>
                  </a:lnTo>
                  <a:lnTo>
                    <a:pt x="209778" y="76279"/>
                  </a:lnTo>
                  <a:lnTo>
                    <a:pt x="194941" y="17241"/>
                  </a:lnTo>
                  <a:lnTo>
                    <a:pt x="194941" y="76279"/>
                  </a:lnTo>
                  <a:lnTo>
                    <a:pt x="180872" y="76279"/>
                  </a:lnTo>
                  <a:close/>
                  <a:moveTo>
                    <a:pt x="138080" y="0"/>
                  </a:moveTo>
                  <a:cubicBezTo>
                    <a:pt x="149130" y="0"/>
                    <a:pt x="157972" y="3428"/>
                    <a:pt x="164606" y="10283"/>
                  </a:cubicBezTo>
                  <a:cubicBezTo>
                    <a:pt x="171240" y="17139"/>
                    <a:pt x="174556" y="26671"/>
                    <a:pt x="174556" y="38882"/>
                  </a:cubicBezTo>
                  <a:cubicBezTo>
                    <a:pt x="174556" y="50989"/>
                    <a:pt x="171265" y="60462"/>
                    <a:pt x="164683" y="67301"/>
                  </a:cubicBezTo>
                  <a:cubicBezTo>
                    <a:pt x="158100" y="74139"/>
                    <a:pt x="149301" y="77558"/>
                    <a:pt x="138284" y="77558"/>
                  </a:cubicBezTo>
                  <a:cubicBezTo>
                    <a:pt x="127131" y="77558"/>
                    <a:pt x="118264" y="74156"/>
                    <a:pt x="111681" y="67352"/>
                  </a:cubicBezTo>
                  <a:cubicBezTo>
                    <a:pt x="105099" y="60548"/>
                    <a:pt x="101807" y="51177"/>
                    <a:pt x="101807" y="39240"/>
                  </a:cubicBezTo>
                  <a:cubicBezTo>
                    <a:pt x="101807" y="31600"/>
                    <a:pt x="102950" y="25188"/>
                    <a:pt x="105235" y="20004"/>
                  </a:cubicBezTo>
                  <a:cubicBezTo>
                    <a:pt x="106940" y="16184"/>
                    <a:pt x="109268" y="12756"/>
                    <a:pt x="112218" y="9721"/>
                  </a:cubicBezTo>
                  <a:cubicBezTo>
                    <a:pt x="115169" y="6685"/>
                    <a:pt x="118400" y="4434"/>
                    <a:pt x="121913" y="2967"/>
                  </a:cubicBezTo>
                  <a:cubicBezTo>
                    <a:pt x="126586" y="989"/>
                    <a:pt x="131975" y="0"/>
                    <a:pt x="138080" y="0"/>
                  </a:cubicBezTo>
                  <a:close/>
                  <a:moveTo>
                    <a:pt x="61112" y="0"/>
                  </a:moveTo>
                  <a:cubicBezTo>
                    <a:pt x="70287" y="0"/>
                    <a:pt x="77739" y="2712"/>
                    <a:pt x="83469" y="8135"/>
                  </a:cubicBezTo>
                  <a:cubicBezTo>
                    <a:pt x="86880" y="11341"/>
                    <a:pt x="89438" y="15945"/>
                    <a:pt x="91143" y="21948"/>
                  </a:cubicBezTo>
                  <a:lnTo>
                    <a:pt x="76153" y="25529"/>
                  </a:lnTo>
                  <a:cubicBezTo>
                    <a:pt x="75266" y="21641"/>
                    <a:pt x="73416" y="18571"/>
                    <a:pt x="70602" y="16320"/>
                  </a:cubicBezTo>
                  <a:cubicBezTo>
                    <a:pt x="67788" y="14069"/>
                    <a:pt x="64369" y="12944"/>
                    <a:pt x="60345" y="12944"/>
                  </a:cubicBezTo>
                  <a:cubicBezTo>
                    <a:pt x="54785" y="12944"/>
                    <a:pt x="50275" y="14939"/>
                    <a:pt x="46813" y="18929"/>
                  </a:cubicBezTo>
                  <a:cubicBezTo>
                    <a:pt x="43351" y="22920"/>
                    <a:pt x="41620" y="29383"/>
                    <a:pt x="41620" y="38319"/>
                  </a:cubicBezTo>
                  <a:cubicBezTo>
                    <a:pt x="41620" y="47800"/>
                    <a:pt x="43326" y="54553"/>
                    <a:pt x="46736" y="58578"/>
                  </a:cubicBezTo>
                  <a:cubicBezTo>
                    <a:pt x="50147" y="62603"/>
                    <a:pt x="54581" y="64615"/>
                    <a:pt x="60038" y="64615"/>
                  </a:cubicBezTo>
                  <a:cubicBezTo>
                    <a:pt x="64062" y="64615"/>
                    <a:pt x="67524" y="63336"/>
                    <a:pt x="70423" y="60778"/>
                  </a:cubicBezTo>
                  <a:cubicBezTo>
                    <a:pt x="73322" y="58220"/>
                    <a:pt x="75403" y="54195"/>
                    <a:pt x="76665" y="48704"/>
                  </a:cubicBezTo>
                  <a:lnTo>
                    <a:pt x="91348" y="53360"/>
                  </a:lnTo>
                  <a:cubicBezTo>
                    <a:pt x="89097" y="61545"/>
                    <a:pt x="85353" y="67625"/>
                    <a:pt x="80118" y="71598"/>
                  </a:cubicBezTo>
                  <a:cubicBezTo>
                    <a:pt x="74883" y="75572"/>
                    <a:pt x="68240" y="77558"/>
                    <a:pt x="60191" y="77558"/>
                  </a:cubicBezTo>
                  <a:cubicBezTo>
                    <a:pt x="50232" y="77558"/>
                    <a:pt x="42047" y="74156"/>
                    <a:pt x="35635" y="67352"/>
                  </a:cubicBezTo>
                  <a:cubicBezTo>
                    <a:pt x="29223" y="60548"/>
                    <a:pt x="26017" y="51245"/>
                    <a:pt x="26017" y="39444"/>
                  </a:cubicBezTo>
                  <a:cubicBezTo>
                    <a:pt x="26017" y="26961"/>
                    <a:pt x="29240" y="17267"/>
                    <a:pt x="35686" y="10360"/>
                  </a:cubicBezTo>
                  <a:cubicBezTo>
                    <a:pt x="42132" y="3453"/>
                    <a:pt x="50607" y="0"/>
                    <a:pt x="61112" y="0"/>
                  </a:cubicBezTo>
                  <a:close/>
                </a:path>
              </a:pathLst>
            </a:cu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200" dirty="0"/>
            </a:p>
          </p:txBody>
        </p:sp>
      </p:grpSp>
      <p:sp>
        <p:nvSpPr>
          <p:cNvPr id="21" name="TextBox 20">
            <a:extLst>
              <a:ext uri="{FF2B5EF4-FFF2-40B4-BE49-F238E27FC236}">
                <a16:creationId xmlns:a16="http://schemas.microsoft.com/office/drawing/2014/main" id="{93AEA043-746F-4334-A00A-A4587B060237}"/>
              </a:ext>
            </a:extLst>
          </p:cNvPr>
          <p:cNvSpPr txBox="1"/>
          <p:nvPr/>
        </p:nvSpPr>
        <p:spPr>
          <a:xfrm>
            <a:off x="6929135" y="1156642"/>
            <a:ext cx="5008441" cy="4154984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en-US" sz="4400" dirty="0">
                <a:solidFill>
                  <a:schemeClr val="bg1"/>
                </a:solidFill>
                <a:latin typeface="+mj-lt"/>
              </a:rPr>
              <a:t>Recognition of Different Objects of Oilfield Infrastructure by Machine Learning Methods</a:t>
            </a:r>
            <a:endParaRPr lang="ko-KR" altLang="en-US" sz="4400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DC83D12-1353-440F-A5DC-1ACD4C118187}"/>
              </a:ext>
            </a:extLst>
          </p:cNvPr>
          <p:cNvSpPr txBox="1"/>
          <p:nvPr/>
        </p:nvSpPr>
        <p:spPr>
          <a:xfrm>
            <a:off x="6815625" y="5598616"/>
            <a:ext cx="5008380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en-US" altLang="ko-KR" sz="2800" dirty="0">
                <a:solidFill>
                  <a:schemeClr val="bg1"/>
                </a:solidFill>
                <a:cs typeface="Arial" pitchFamily="34" charset="0"/>
              </a:rPr>
              <a:t>Hami Ismail</a:t>
            </a:r>
            <a:endParaRPr lang="ko-KR" altLang="en-US" sz="2800" dirty="0">
              <a:solidFill>
                <a:schemeClr val="bg1"/>
              </a:solidFill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8668507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06381AD-4C2B-4745-99B1-0BBCE6131A7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prstGeom prst="rect">
            <a:avLst/>
          </a:prstGeom>
        </p:spPr>
        <p:txBody>
          <a:bodyPr/>
          <a:lstStyle/>
          <a:p>
            <a:r>
              <a:rPr lang="en-US" dirty="0"/>
              <a:t>Literature Review</a:t>
            </a:r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E9647152-983C-49E8-9F34-F9883A63DBB6}"/>
              </a:ext>
            </a:extLst>
          </p:cNvPr>
          <p:cNvSpPr/>
          <p:nvPr/>
        </p:nvSpPr>
        <p:spPr>
          <a:xfrm>
            <a:off x="2438103" y="2884916"/>
            <a:ext cx="1774869" cy="1419896"/>
          </a:xfrm>
          <a:custGeom>
            <a:avLst/>
            <a:gdLst>
              <a:gd name="connsiteX0" fmla="*/ 510179 w 737797"/>
              <a:gd name="connsiteY0" fmla="*/ 592182 h 590237"/>
              <a:gd name="connsiteX1" fmla="*/ 449750 w 737797"/>
              <a:gd name="connsiteY1" fmla="*/ 592182 h 590237"/>
              <a:gd name="connsiteX2" fmla="*/ 408293 w 737797"/>
              <a:gd name="connsiteY2" fmla="*/ 569697 h 590237"/>
              <a:gd name="connsiteX3" fmla="*/ 412509 w 737797"/>
              <a:gd name="connsiteY3" fmla="*/ 532456 h 590237"/>
              <a:gd name="connsiteX4" fmla="*/ 438507 w 737797"/>
              <a:gd name="connsiteY4" fmla="*/ 486783 h 590237"/>
              <a:gd name="connsiteX5" fmla="*/ 378781 w 737797"/>
              <a:gd name="connsiteY5" fmla="*/ 443218 h 590237"/>
              <a:gd name="connsiteX6" fmla="*/ 314838 w 737797"/>
              <a:gd name="connsiteY6" fmla="*/ 465703 h 590237"/>
              <a:gd name="connsiteX7" fmla="*/ 319757 w 737797"/>
              <a:gd name="connsiteY7" fmla="*/ 526132 h 590237"/>
              <a:gd name="connsiteX8" fmla="*/ 338729 w 737797"/>
              <a:gd name="connsiteY8" fmla="*/ 558455 h 590237"/>
              <a:gd name="connsiteX9" fmla="*/ 298677 w 737797"/>
              <a:gd name="connsiteY9" fmla="*/ 591480 h 590237"/>
              <a:gd name="connsiteX10" fmla="*/ 161658 w 737797"/>
              <a:gd name="connsiteY10" fmla="*/ 592182 h 590237"/>
              <a:gd name="connsiteX11" fmla="*/ 149712 w 737797"/>
              <a:gd name="connsiteY11" fmla="*/ 573913 h 590237"/>
              <a:gd name="connsiteX12" fmla="*/ 149712 w 737797"/>
              <a:gd name="connsiteY12" fmla="*/ 458676 h 590237"/>
              <a:gd name="connsiteX13" fmla="*/ 141983 w 737797"/>
              <a:gd name="connsiteY13" fmla="*/ 427759 h 590237"/>
              <a:gd name="connsiteX14" fmla="*/ 108255 w 737797"/>
              <a:gd name="connsiteY14" fmla="*/ 426354 h 590237"/>
              <a:gd name="connsiteX15" fmla="*/ 55555 w 737797"/>
              <a:gd name="connsiteY15" fmla="*/ 450947 h 590237"/>
              <a:gd name="connsiteX16" fmla="*/ 4261 w 737797"/>
              <a:gd name="connsiteY16" fmla="*/ 398950 h 590237"/>
              <a:gd name="connsiteX17" fmla="*/ 35178 w 737797"/>
              <a:gd name="connsiteY17" fmla="*/ 299172 h 590237"/>
              <a:gd name="connsiteX18" fmla="*/ 102634 w 737797"/>
              <a:gd name="connsiteY18" fmla="*/ 306901 h 590237"/>
              <a:gd name="connsiteX19" fmla="*/ 128632 w 737797"/>
              <a:gd name="connsiteY19" fmla="*/ 324468 h 590237"/>
              <a:gd name="connsiteX20" fmla="*/ 149712 w 737797"/>
              <a:gd name="connsiteY20" fmla="*/ 289334 h 590237"/>
              <a:gd name="connsiteX21" fmla="*/ 149010 w 737797"/>
              <a:gd name="connsiteY21" fmla="*/ 174097 h 590237"/>
              <a:gd name="connsiteX22" fmla="*/ 174305 w 737797"/>
              <a:gd name="connsiteY22" fmla="*/ 148802 h 590237"/>
              <a:gd name="connsiteX23" fmla="*/ 286732 w 737797"/>
              <a:gd name="connsiteY23" fmla="*/ 149504 h 590237"/>
              <a:gd name="connsiteX24" fmla="*/ 310622 w 737797"/>
              <a:gd name="connsiteY24" fmla="*/ 144586 h 590237"/>
              <a:gd name="connsiteX25" fmla="*/ 314136 w 737797"/>
              <a:gd name="connsiteY25" fmla="*/ 108047 h 590237"/>
              <a:gd name="connsiteX26" fmla="*/ 311325 w 737797"/>
              <a:gd name="connsiteY26" fmla="*/ 23025 h 590237"/>
              <a:gd name="connsiteX27" fmla="*/ 439913 w 737797"/>
              <a:gd name="connsiteY27" fmla="*/ 32862 h 590237"/>
              <a:gd name="connsiteX28" fmla="*/ 433589 w 737797"/>
              <a:gd name="connsiteY28" fmla="*/ 104534 h 590237"/>
              <a:gd name="connsiteX29" fmla="*/ 416724 w 737797"/>
              <a:gd name="connsiteY29" fmla="*/ 128424 h 590237"/>
              <a:gd name="connsiteX30" fmla="*/ 451858 w 737797"/>
              <a:gd name="connsiteY30" fmla="*/ 149504 h 590237"/>
              <a:gd name="connsiteX31" fmla="*/ 572013 w 737797"/>
              <a:gd name="connsiteY31" fmla="*/ 148802 h 590237"/>
              <a:gd name="connsiteX32" fmla="*/ 590985 w 737797"/>
              <a:gd name="connsiteY32" fmla="*/ 168476 h 590237"/>
              <a:gd name="connsiteX33" fmla="*/ 590283 w 737797"/>
              <a:gd name="connsiteY33" fmla="*/ 283713 h 590237"/>
              <a:gd name="connsiteX34" fmla="*/ 597309 w 737797"/>
              <a:gd name="connsiteY34" fmla="*/ 312522 h 590237"/>
              <a:gd name="connsiteX35" fmla="*/ 633145 w 737797"/>
              <a:gd name="connsiteY35" fmla="*/ 314630 h 590237"/>
              <a:gd name="connsiteX36" fmla="*/ 719573 w 737797"/>
              <a:gd name="connsiteY36" fmla="*/ 312522 h 590237"/>
              <a:gd name="connsiteX37" fmla="*/ 694980 w 737797"/>
              <a:gd name="connsiteY37" fmla="*/ 448136 h 590237"/>
              <a:gd name="connsiteX38" fmla="*/ 636659 w 737797"/>
              <a:gd name="connsiteY38" fmla="*/ 433380 h 590237"/>
              <a:gd name="connsiteX39" fmla="*/ 612768 w 737797"/>
              <a:gd name="connsiteY39" fmla="*/ 417219 h 590237"/>
              <a:gd name="connsiteX40" fmla="*/ 590283 w 737797"/>
              <a:gd name="connsiteY40" fmla="*/ 451650 h 590237"/>
              <a:gd name="connsiteX41" fmla="*/ 590985 w 737797"/>
              <a:gd name="connsiteY41" fmla="*/ 569697 h 590237"/>
              <a:gd name="connsiteX42" fmla="*/ 567797 w 737797"/>
              <a:gd name="connsiteY42" fmla="*/ 593588 h 590237"/>
              <a:gd name="connsiteX43" fmla="*/ 510179 w 737797"/>
              <a:gd name="connsiteY43" fmla="*/ 592182 h 5902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</a:cxnLst>
            <a:rect l="l" t="t" r="r" b="b"/>
            <a:pathLst>
              <a:path w="737797" h="590237">
                <a:moveTo>
                  <a:pt x="510179" y="592182"/>
                </a:moveTo>
                <a:cubicBezTo>
                  <a:pt x="489802" y="592182"/>
                  <a:pt x="470127" y="592182"/>
                  <a:pt x="449750" y="592182"/>
                </a:cubicBezTo>
                <a:cubicBezTo>
                  <a:pt x="431481" y="592182"/>
                  <a:pt x="418833" y="583751"/>
                  <a:pt x="408293" y="569697"/>
                </a:cubicBezTo>
                <a:cubicBezTo>
                  <a:pt x="397753" y="555644"/>
                  <a:pt x="397753" y="543699"/>
                  <a:pt x="412509" y="532456"/>
                </a:cubicBezTo>
                <a:cubicBezTo>
                  <a:pt x="427264" y="521213"/>
                  <a:pt x="445534" y="509971"/>
                  <a:pt x="438507" y="486783"/>
                </a:cubicBezTo>
                <a:cubicBezTo>
                  <a:pt x="430778" y="460785"/>
                  <a:pt x="407590" y="445326"/>
                  <a:pt x="378781" y="443218"/>
                </a:cubicBezTo>
                <a:cubicBezTo>
                  <a:pt x="354188" y="441813"/>
                  <a:pt x="331702" y="444623"/>
                  <a:pt x="314838" y="465703"/>
                </a:cubicBezTo>
                <a:cubicBezTo>
                  <a:pt x="294461" y="490296"/>
                  <a:pt x="295164" y="504349"/>
                  <a:pt x="319757" y="526132"/>
                </a:cubicBezTo>
                <a:cubicBezTo>
                  <a:pt x="329594" y="534564"/>
                  <a:pt x="345053" y="540186"/>
                  <a:pt x="338729" y="558455"/>
                </a:cubicBezTo>
                <a:cubicBezTo>
                  <a:pt x="331702" y="576724"/>
                  <a:pt x="317649" y="590777"/>
                  <a:pt x="298677" y="591480"/>
                </a:cubicBezTo>
                <a:cubicBezTo>
                  <a:pt x="253004" y="593588"/>
                  <a:pt x="207331" y="591480"/>
                  <a:pt x="161658" y="592182"/>
                </a:cubicBezTo>
                <a:cubicBezTo>
                  <a:pt x="146199" y="592182"/>
                  <a:pt x="149712" y="581642"/>
                  <a:pt x="149712" y="573913"/>
                </a:cubicBezTo>
                <a:cubicBezTo>
                  <a:pt x="149712" y="535267"/>
                  <a:pt x="149712" y="497323"/>
                  <a:pt x="149712" y="458676"/>
                </a:cubicBezTo>
                <a:cubicBezTo>
                  <a:pt x="149712" y="447434"/>
                  <a:pt x="149712" y="436894"/>
                  <a:pt x="141983" y="427759"/>
                </a:cubicBezTo>
                <a:cubicBezTo>
                  <a:pt x="131443" y="415111"/>
                  <a:pt x="121606" y="407382"/>
                  <a:pt x="108255" y="426354"/>
                </a:cubicBezTo>
                <a:cubicBezTo>
                  <a:pt x="95607" y="443920"/>
                  <a:pt x="80149" y="459379"/>
                  <a:pt x="55555" y="450947"/>
                </a:cubicBezTo>
                <a:cubicBezTo>
                  <a:pt x="30259" y="442515"/>
                  <a:pt x="11288" y="426354"/>
                  <a:pt x="4261" y="398950"/>
                </a:cubicBezTo>
                <a:cubicBezTo>
                  <a:pt x="-6982" y="356087"/>
                  <a:pt x="4261" y="320954"/>
                  <a:pt x="35178" y="299172"/>
                </a:cubicBezTo>
                <a:cubicBezTo>
                  <a:pt x="61177" y="280902"/>
                  <a:pt x="80149" y="283713"/>
                  <a:pt x="102634" y="306901"/>
                </a:cubicBezTo>
                <a:cubicBezTo>
                  <a:pt x="109661" y="313928"/>
                  <a:pt x="111769" y="331494"/>
                  <a:pt x="128632" y="324468"/>
                </a:cubicBezTo>
                <a:cubicBezTo>
                  <a:pt x="143388" y="317441"/>
                  <a:pt x="149712" y="304793"/>
                  <a:pt x="149712" y="289334"/>
                </a:cubicBezTo>
                <a:cubicBezTo>
                  <a:pt x="149712" y="250688"/>
                  <a:pt x="151118" y="212744"/>
                  <a:pt x="149010" y="174097"/>
                </a:cubicBezTo>
                <a:cubicBezTo>
                  <a:pt x="148307" y="153720"/>
                  <a:pt x="153225" y="147396"/>
                  <a:pt x="174305" y="148802"/>
                </a:cubicBezTo>
                <a:cubicBezTo>
                  <a:pt x="211547" y="150910"/>
                  <a:pt x="249491" y="149504"/>
                  <a:pt x="286732" y="149504"/>
                </a:cubicBezTo>
                <a:cubicBezTo>
                  <a:pt x="295164" y="149504"/>
                  <a:pt x="302893" y="149504"/>
                  <a:pt x="310622" y="144586"/>
                </a:cubicBezTo>
                <a:cubicBezTo>
                  <a:pt x="330297" y="132640"/>
                  <a:pt x="331000" y="122803"/>
                  <a:pt x="314136" y="108047"/>
                </a:cubicBezTo>
                <a:cubicBezTo>
                  <a:pt x="281110" y="79941"/>
                  <a:pt x="280408" y="52537"/>
                  <a:pt x="311325" y="23025"/>
                </a:cubicBezTo>
                <a:cubicBezTo>
                  <a:pt x="346458" y="-11406"/>
                  <a:pt x="409698" y="-6487"/>
                  <a:pt x="439913" y="32862"/>
                </a:cubicBezTo>
                <a:cubicBezTo>
                  <a:pt x="460993" y="59563"/>
                  <a:pt x="458884" y="81346"/>
                  <a:pt x="433589" y="104534"/>
                </a:cubicBezTo>
                <a:cubicBezTo>
                  <a:pt x="426562" y="111560"/>
                  <a:pt x="410401" y="114371"/>
                  <a:pt x="416724" y="128424"/>
                </a:cubicBezTo>
                <a:cubicBezTo>
                  <a:pt x="423049" y="141775"/>
                  <a:pt x="434994" y="149504"/>
                  <a:pt x="451858" y="149504"/>
                </a:cubicBezTo>
                <a:cubicBezTo>
                  <a:pt x="491910" y="148802"/>
                  <a:pt x="531962" y="150207"/>
                  <a:pt x="572013" y="148802"/>
                </a:cubicBezTo>
                <a:cubicBezTo>
                  <a:pt x="588175" y="148099"/>
                  <a:pt x="591688" y="153720"/>
                  <a:pt x="590985" y="168476"/>
                </a:cubicBezTo>
                <a:cubicBezTo>
                  <a:pt x="589580" y="207123"/>
                  <a:pt x="590985" y="245067"/>
                  <a:pt x="590283" y="283713"/>
                </a:cubicBezTo>
                <a:cubicBezTo>
                  <a:pt x="590283" y="294253"/>
                  <a:pt x="590985" y="304090"/>
                  <a:pt x="597309" y="312522"/>
                </a:cubicBezTo>
                <a:cubicBezTo>
                  <a:pt x="607849" y="325873"/>
                  <a:pt x="617687" y="333602"/>
                  <a:pt x="633145" y="314630"/>
                </a:cubicBezTo>
                <a:cubicBezTo>
                  <a:pt x="661954" y="278794"/>
                  <a:pt x="687953" y="279497"/>
                  <a:pt x="719573" y="312522"/>
                </a:cubicBezTo>
                <a:cubicBezTo>
                  <a:pt x="756112" y="351872"/>
                  <a:pt x="742761" y="424948"/>
                  <a:pt x="694980" y="448136"/>
                </a:cubicBezTo>
                <a:cubicBezTo>
                  <a:pt x="671089" y="459379"/>
                  <a:pt x="653522" y="450947"/>
                  <a:pt x="636659" y="433380"/>
                </a:cubicBezTo>
                <a:cubicBezTo>
                  <a:pt x="630334" y="426354"/>
                  <a:pt x="627524" y="410895"/>
                  <a:pt x="612768" y="417219"/>
                </a:cubicBezTo>
                <a:cubicBezTo>
                  <a:pt x="598012" y="423543"/>
                  <a:pt x="590283" y="435488"/>
                  <a:pt x="590283" y="451650"/>
                </a:cubicBezTo>
                <a:cubicBezTo>
                  <a:pt x="590283" y="490999"/>
                  <a:pt x="588877" y="530348"/>
                  <a:pt x="590985" y="569697"/>
                </a:cubicBezTo>
                <a:cubicBezTo>
                  <a:pt x="591688" y="587967"/>
                  <a:pt x="587472" y="595696"/>
                  <a:pt x="567797" y="593588"/>
                </a:cubicBezTo>
                <a:cubicBezTo>
                  <a:pt x="548826" y="590777"/>
                  <a:pt x="529151" y="592182"/>
                  <a:pt x="510179" y="592182"/>
                </a:cubicBezTo>
                <a:close/>
              </a:path>
            </a:pathLst>
          </a:custGeom>
          <a:solidFill>
            <a:schemeClr val="accent1"/>
          </a:solidFill>
          <a:ln w="25400" cap="flat">
            <a:solidFill>
              <a:schemeClr val="bg1"/>
            </a:solidFill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4" name="Freeform: Shape 3">
            <a:extLst>
              <a:ext uri="{FF2B5EF4-FFF2-40B4-BE49-F238E27FC236}">
                <a16:creationId xmlns:a16="http://schemas.microsoft.com/office/drawing/2014/main" id="{FEE95F1F-FB62-4B4C-9F0B-FA681AEE1E2B}"/>
              </a:ext>
            </a:extLst>
          </p:cNvPr>
          <p:cNvSpPr/>
          <p:nvPr/>
        </p:nvSpPr>
        <p:spPr>
          <a:xfrm>
            <a:off x="3847225" y="3246794"/>
            <a:ext cx="1064923" cy="1419896"/>
          </a:xfrm>
          <a:custGeom>
            <a:avLst/>
            <a:gdLst>
              <a:gd name="connsiteX0" fmla="*/ 1580 w 442678"/>
              <a:gd name="connsiteY0" fmla="*/ 362575 h 590237"/>
              <a:gd name="connsiteX1" fmla="*/ 1580 w 442678"/>
              <a:gd name="connsiteY1" fmla="*/ 299335 h 590237"/>
              <a:gd name="connsiteX2" fmla="*/ 27579 w 442678"/>
              <a:gd name="connsiteY2" fmla="*/ 257175 h 590237"/>
              <a:gd name="connsiteX3" fmla="*/ 56388 w 442678"/>
              <a:gd name="connsiteY3" fmla="*/ 259986 h 590237"/>
              <a:gd name="connsiteX4" fmla="*/ 130871 w 442678"/>
              <a:gd name="connsiteY4" fmla="*/ 274039 h 590237"/>
              <a:gd name="connsiteX5" fmla="*/ 132979 w 442678"/>
              <a:gd name="connsiteY5" fmla="*/ 171450 h 590237"/>
              <a:gd name="connsiteX6" fmla="*/ 64820 w 442678"/>
              <a:gd name="connsiteY6" fmla="*/ 172855 h 590237"/>
              <a:gd name="connsiteX7" fmla="*/ 34606 w 442678"/>
              <a:gd name="connsiteY7" fmla="*/ 189719 h 590237"/>
              <a:gd name="connsiteX8" fmla="*/ 2986 w 442678"/>
              <a:gd name="connsiteY8" fmla="*/ 152478 h 590237"/>
              <a:gd name="connsiteX9" fmla="*/ 2283 w 442678"/>
              <a:gd name="connsiteY9" fmla="*/ 12648 h 590237"/>
              <a:gd name="connsiteX10" fmla="*/ 17742 w 442678"/>
              <a:gd name="connsiteY10" fmla="*/ 0 h 590237"/>
              <a:gd name="connsiteX11" fmla="*/ 146329 w 442678"/>
              <a:gd name="connsiteY11" fmla="*/ 0 h 590237"/>
              <a:gd name="connsiteX12" fmla="*/ 184976 w 442678"/>
              <a:gd name="connsiteY12" fmla="*/ 22485 h 590237"/>
              <a:gd name="connsiteX13" fmla="*/ 180760 w 442678"/>
              <a:gd name="connsiteY13" fmla="*/ 59726 h 590237"/>
              <a:gd name="connsiteX14" fmla="*/ 155464 w 442678"/>
              <a:gd name="connsiteY14" fmla="*/ 105400 h 590237"/>
              <a:gd name="connsiteX15" fmla="*/ 212380 w 442678"/>
              <a:gd name="connsiteY15" fmla="*/ 148262 h 590237"/>
              <a:gd name="connsiteX16" fmla="*/ 281241 w 442678"/>
              <a:gd name="connsiteY16" fmla="*/ 123669 h 590237"/>
              <a:gd name="connsiteX17" fmla="*/ 276322 w 442678"/>
              <a:gd name="connsiteY17" fmla="*/ 67456 h 590237"/>
              <a:gd name="connsiteX18" fmla="*/ 256648 w 442678"/>
              <a:gd name="connsiteY18" fmla="*/ 30917 h 590237"/>
              <a:gd name="connsiteX19" fmla="*/ 300915 w 442678"/>
              <a:gd name="connsiteY19" fmla="*/ 0 h 590237"/>
              <a:gd name="connsiteX20" fmla="*/ 429503 w 442678"/>
              <a:gd name="connsiteY20" fmla="*/ 0 h 590237"/>
              <a:gd name="connsiteX21" fmla="*/ 445664 w 442678"/>
              <a:gd name="connsiteY21" fmla="*/ 15459 h 590237"/>
              <a:gd name="connsiteX22" fmla="*/ 444961 w 442678"/>
              <a:gd name="connsiteY22" fmla="*/ 144046 h 590237"/>
              <a:gd name="connsiteX23" fmla="*/ 425287 w 442678"/>
              <a:gd name="connsiteY23" fmla="*/ 181990 h 590237"/>
              <a:gd name="connsiteX24" fmla="*/ 383830 w 442678"/>
              <a:gd name="connsiteY24" fmla="*/ 177774 h 590237"/>
              <a:gd name="connsiteX25" fmla="*/ 339562 w 442678"/>
              <a:gd name="connsiteY25" fmla="*/ 153884 h 590237"/>
              <a:gd name="connsiteX26" fmla="*/ 296699 w 442678"/>
              <a:gd name="connsiteY26" fmla="*/ 205881 h 590237"/>
              <a:gd name="connsiteX27" fmla="*/ 319887 w 442678"/>
              <a:gd name="connsiteY27" fmla="*/ 279660 h 590237"/>
              <a:gd name="connsiteX28" fmla="*/ 376100 w 442678"/>
              <a:gd name="connsiteY28" fmla="*/ 276147 h 590237"/>
              <a:gd name="connsiteX29" fmla="*/ 409126 w 442678"/>
              <a:gd name="connsiteY29" fmla="*/ 254364 h 590237"/>
              <a:gd name="connsiteX30" fmla="*/ 443556 w 442678"/>
              <a:gd name="connsiteY30" fmla="*/ 298632 h 590237"/>
              <a:gd name="connsiteX31" fmla="*/ 444259 w 442678"/>
              <a:gd name="connsiteY31" fmla="*/ 430030 h 590237"/>
              <a:gd name="connsiteX32" fmla="*/ 425989 w 442678"/>
              <a:gd name="connsiteY32" fmla="*/ 442678 h 590237"/>
              <a:gd name="connsiteX33" fmla="*/ 307942 w 442678"/>
              <a:gd name="connsiteY33" fmla="*/ 442678 h 590237"/>
              <a:gd name="connsiteX34" fmla="*/ 279835 w 442678"/>
              <a:gd name="connsiteY34" fmla="*/ 450408 h 590237"/>
              <a:gd name="connsiteX35" fmla="*/ 278430 w 442678"/>
              <a:gd name="connsiteY35" fmla="*/ 486244 h 590237"/>
              <a:gd name="connsiteX36" fmla="*/ 281241 w 442678"/>
              <a:gd name="connsiteY36" fmla="*/ 571266 h 590237"/>
              <a:gd name="connsiteX37" fmla="*/ 150545 w 442678"/>
              <a:gd name="connsiteY37" fmla="*/ 558618 h 590237"/>
              <a:gd name="connsiteX38" fmla="*/ 157572 w 442678"/>
              <a:gd name="connsiteY38" fmla="*/ 491162 h 590237"/>
              <a:gd name="connsiteX39" fmla="*/ 175139 w 442678"/>
              <a:gd name="connsiteY39" fmla="*/ 464461 h 590237"/>
              <a:gd name="connsiteX40" fmla="*/ 137195 w 442678"/>
              <a:gd name="connsiteY40" fmla="*/ 443381 h 590237"/>
              <a:gd name="connsiteX41" fmla="*/ 21958 w 442678"/>
              <a:gd name="connsiteY41" fmla="*/ 444084 h 590237"/>
              <a:gd name="connsiteX42" fmla="*/ 175 w 442678"/>
              <a:gd name="connsiteY42" fmla="*/ 423706 h 590237"/>
              <a:gd name="connsiteX43" fmla="*/ 1580 w 442678"/>
              <a:gd name="connsiteY43" fmla="*/ 362575 h 5902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</a:cxnLst>
            <a:rect l="l" t="t" r="r" b="b"/>
            <a:pathLst>
              <a:path w="442678" h="590237">
                <a:moveTo>
                  <a:pt x="1580" y="362575"/>
                </a:moveTo>
                <a:cubicBezTo>
                  <a:pt x="1580" y="341495"/>
                  <a:pt x="2283" y="320415"/>
                  <a:pt x="1580" y="299335"/>
                </a:cubicBezTo>
                <a:cubicBezTo>
                  <a:pt x="878" y="279660"/>
                  <a:pt x="12823" y="267012"/>
                  <a:pt x="27579" y="257175"/>
                </a:cubicBezTo>
                <a:cubicBezTo>
                  <a:pt x="37416" y="250851"/>
                  <a:pt x="46551" y="250851"/>
                  <a:pt x="56388" y="259986"/>
                </a:cubicBezTo>
                <a:cubicBezTo>
                  <a:pt x="94332" y="297227"/>
                  <a:pt x="105575" y="298632"/>
                  <a:pt x="130871" y="274039"/>
                </a:cubicBezTo>
                <a:cubicBezTo>
                  <a:pt x="156869" y="248041"/>
                  <a:pt x="157572" y="198854"/>
                  <a:pt x="132979" y="171450"/>
                </a:cubicBezTo>
                <a:cubicBezTo>
                  <a:pt x="108385" y="144749"/>
                  <a:pt x="88711" y="144749"/>
                  <a:pt x="64820" y="172855"/>
                </a:cubicBezTo>
                <a:cubicBezTo>
                  <a:pt x="57091" y="181990"/>
                  <a:pt x="50767" y="196043"/>
                  <a:pt x="34606" y="189719"/>
                </a:cubicBezTo>
                <a:cubicBezTo>
                  <a:pt x="17742" y="183395"/>
                  <a:pt x="3689" y="170747"/>
                  <a:pt x="2986" y="152478"/>
                </a:cubicBezTo>
                <a:cubicBezTo>
                  <a:pt x="1580" y="106102"/>
                  <a:pt x="2283" y="59726"/>
                  <a:pt x="2283" y="12648"/>
                </a:cubicBezTo>
                <a:cubicBezTo>
                  <a:pt x="2283" y="703"/>
                  <a:pt x="8607" y="0"/>
                  <a:pt x="17742" y="0"/>
                </a:cubicBezTo>
                <a:cubicBezTo>
                  <a:pt x="60604" y="0"/>
                  <a:pt x="103467" y="0"/>
                  <a:pt x="146329" y="0"/>
                </a:cubicBezTo>
                <a:cubicBezTo>
                  <a:pt x="163193" y="0"/>
                  <a:pt x="175139" y="9135"/>
                  <a:pt x="184976" y="22485"/>
                </a:cubicBezTo>
                <a:cubicBezTo>
                  <a:pt x="195516" y="36539"/>
                  <a:pt x="195516" y="47781"/>
                  <a:pt x="180760" y="59726"/>
                </a:cubicBezTo>
                <a:cubicBezTo>
                  <a:pt x="166004" y="70969"/>
                  <a:pt x="147032" y="82212"/>
                  <a:pt x="155464" y="105400"/>
                </a:cubicBezTo>
                <a:cubicBezTo>
                  <a:pt x="165301" y="131398"/>
                  <a:pt x="183570" y="146857"/>
                  <a:pt x="212380" y="148262"/>
                </a:cubicBezTo>
                <a:cubicBezTo>
                  <a:pt x="239081" y="149668"/>
                  <a:pt x="262972" y="146857"/>
                  <a:pt x="281241" y="123669"/>
                </a:cubicBezTo>
                <a:cubicBezTo>
                  <a:pt x="298807" y="100481"/>
                  <a:pt x="298105" y="87131"/>
                  <a:pt x="276322" y="67456"/>
                </a:cubicBezTo>
                <a:cubicBezTo>
                  <a:pt x="265079" y="57619"/>
                  <a:pt x="246810" y="50592"/>
                  <a:pt x="256648" y="30917"/>
                </a:cubicBezTo>
                <a:cubicBezTo>
                  <a:pt x="265079" y="12648"/>
                  <a:pt x="279835" y="0"/>
                  <a:pt x="300915" y="0"/>
                </a:cubicBezTo>
                <a:cubicBezTo>
                  <a:pt x="343778" y="0"/>
                  <a:pt x="386640" y="0"/>
                  <a:pt x="429503" y="0"/>
                </a:cubicBezTo>
                <a:cubicBezTo>
                  <a:pt x="441448" y="0"/>
                  <a:pt x="445664" y="2811"/>
                  <a:pt x="445664" y="15459"/>
                </a:cubicBezTo>
                <a:cubicBezTo>
                  <a:pt x="444961" y="58321"/>
                  <a:pt x="445664" y="101184"/>
                  <a:pt x="444961" y="144046"/>
                </a:cubicBezTo>
                <a:cubicBezTo>
                  <a:pt x="444961" y="159505"/>
                  <a:pt x="437232" y="171450"/>
                  <a:pt x="425287" y="181990"/>
                </a:cubicBezTo>
                <a:cubicBezTo>
                  <a:pt x="409828" y="194638"/>
                  <a:pt x="397180" y="196043"/>
                  <a:pt x="383830" y="177774"/>
                </a:cubicBezTo>
                <a:cubicBezTo>
                  <a:pt x="373290" y="163018"/>
                  <a:pt x="361345" y="145452"/>
                  <a:pt x="339562" y="153884"/>
                </a:cubicBezTo>
                <a:cubicBezTo>
                  <a:pt x="316374" y="162315"/>
                  <a:pt x="299510" y="178477"/>
                  <a:pt x="296699" y="205881"/>
                </a:cubicBezTo>
                <a:cubicBezTo>
                  <a:pt x="293186" y="233987"/>
                  <a:pt x="295294" y="260688"/>
                  <a:pt x="319887" y="279660"/>
                </a:cubicBezTo>
                <a:cubicBezTo>
                  <a:pt x="343075" y="297930"/>
                  <a:pt x="355723" y="296524"/>
                  <a:pt x="376100" y="276147"/>
                </a:cubicBezTo>
                <a:cubicBezTo>
                  <a:pt x="385235" y="267012"/>
                  <a:pt x="390154" y="248041"/>
                  <a:pt x="409126" y="254364"/>
                </a:cubicBezTo>
                <a:cubicBezTo>
                  <a:pt x="429503" y="261391"/>
                  <a:pt x="442854" y="276850"/>
                  <a:pt x="443556" y="298632"/>
                </a:cubicBezTo>
                <a:cubicBezTo>
                  <a:pt x="444961" y="342197"/>
                  <a:pt x="443556" y="386465"/>
                  <a:pt x="444259" y="430030"/>
                </a:cubicBezTo>
                <a:cubicBezTo>
                  <a:pt x="444259" y="444786"/>
                  <a:pt x="435124" y="442678"/>
                  <a:pt x="425989" y="442678"/>
                </a:cubicBezTo>
                <a:cubicBezTo>
                  <a:pt x="386640" y="442678"/>
                  <a:pt x="347291" y="442678"/>
                  <a:pt x="307942" y="442678"/>
                </a:cubicBezTo>
                <a:cubicBezTo>
                  <a:pt x="297402" y="442678"/>
                  <a:pt x="288268" y="443381"/>
                  <a:pt x="279835" y="450408"/>
                </a:cubicBezTo>
                <a:cubicBezTo>
                  <a:pt x="265782" y="461650"/>
                  <a:pt x="259458" y="470785"/>
                  <a:pt x="278430" y="486244"/>
                </a:cubicBezTo>
                <a:cubicBezTo>
                  <a:pt x="312158" y="512945"/>
                  <a:pt x="312158" y="541051"/>
                  <a:pt x="281241" y="571266"/>
                </a:cubicBezTo>
                <a:cubicBezTo>
                  <a:pt x="245405" y="606399"/>
                  <a:pt x="180057" y="600075"/>
                  <a:pt x="150545" y="558618"/>
                </a:cubicBezTo>
                <a:cubicBezTo>
                  <a:pt x="132276" y="532619"/>
                  <a:pt x="134384" y="513647"/>
                  <a:pt x="157572" y="491162"/>
                </a:cubicBezTo>
                <a:cubicBezTo>
                  <a:pt x="165301" y="483433"/>
                  <a:pt x="182868" y="479920"/>
                  <a:pt x="175139" y="464461"/>
                </a:cubicBezTo>
                <a:cubicBezTo>
                  <a:pt x="168112" y="449705"/>
                  <a:pt x="154761" y="442678"/>
                  <a:pt x="137195" y="443381"/>
                </a:cubicBezTo>
                <a:cubicBezTo>
                  <a:pt x="98548" y="444084"/>
                  <a:pt x="60604" y="442678"/>
                  <a:pt x="21958" y="444084"/>
                </a:cubicBezTo>
                <a:cubicBezTo>
                  <a:pt x="5797" y="444786"/>
                  <a:pt x="-1230" y="441976"/>
                  <a:pt x="175" y="423706"/>
                </a:cubicBezTo>
                <a:cubicBezTo>
                  <a:pt x="2986" y="402627"/>
                  <a:pt x="1580" y="382249"/>
                  <a:pt x="1580" y="362575"/>
                </a:cubicBezTo>
                <a:close/>
              </a:path>
            </a:pathLst>
          </a:custGeom>
          <a:solidFill>
            <a:schemeClr val="accent2"/>
          </a:solidFill>
          <a:ln w="25400" cap="flat">
            <a:solidFill>
              <a:schemeClr val="bg1"/>
            </a:solidFill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5" name="Freeform: Shape 4">
            <a:extLst>
              <a:ext uri="{FF2B5EF4-FFF2-40B4-BE49-F238E27FC236}">
                <a16:creationId xmlns:a16="http://schemas.microsoft.com/office/drawing/2014/main" id="{0CE3B5B2-728D-403D-9D87-14149A2E1A61}"/>
              </a:ext>
            </a:extLst>
          </p:cNvPr>
          <p:cNvSpPr/>
          <p:nvPr/>
        </p:nvSpPr>
        <p:spPr>
          <a:xfrm rot="10800000" flipV="1">
            <a:off x="4553173" y="2883032"/>
            <a:ext cx="1774869" cy="1419896"/>
          </a:xfrm>
          <a:custGeom>
            <a:avLst/>
            <a:gdLst>
              <a:gd name="connsiteX0" fmla="*/ 510179 w 737797"/>
              <a:gd name="connsiteY0" fmla="*/ 592182 h 590237"/>
              <a:gd name="connsiteX1" fmla="*/ 449750 w 737797"/>
              <a:gd name="connsiteY1" fmla="*/ 592182 h 590237"/>
              <a:gd name="connsiteX2" fmla="*/ 408293 w 737797"/>
              <a:gd name="connsiteY2" fmla="*/ 569697 h 590237"/>
              <a:gd name="connsiteX3" fmla="*/ 412509 w 737797"/>
              <a:gd name="connsiteY3" fmla="*/ 532456 h 590237"/>
              <a:gd name="connsiteX4" fmla="*/ 438507 w 737797"/>
              <a:gd name="connsiteY4" fmla="*/ 486783 h 590237"/>
              <a:gd name="connsiteX5" fmla="*/ 378781 w 737797"/>
              <a:gd name="connsiteY5" fmla="*/ 443218 h 590237"/>
              <a:gd name="connsiteX6" fmla="*/ 314838 w 737797"/>
              <a:gd name="connsiteY6" fmla="*/ 465703 h 590237"/>
              <a:gd name="connsiteX7" fmla="*/ 319757 w 737797"/>
              <a:gd name="connsiteY7" fmla="*/ 526132 h 590237"/>
              <a:gd name="connsiteX8" fmla="*/ 338729 w 737797"/>
              <a:gd name="connsiteY8" fmla="*/ 558455 h 590237"/>
              <a:gd name="connsiteX9" fmla="*/ 298677 w 737797"/>
              <a:gd name="connsiteY9" fmla="*/ 591480 h 590237"/>
              <a:gd name="connsiteX10" fmla="*/ 161658 w 737797"/>
              <a:gd name="connsiteY10" fmla="*/ 592182 h 590237"/>
              <a:gd name="connsiteX11" fmla="*/ 149712 w 737797"/>
              <a:gd name="connsiteY11" fmla="*/ 573913 h 590237"/>
              <a:gd name="connsiteX12" fmla="*/ 149712 w 737797"/>
              <a:gd name="connsiteY12" fmla="*/ 458676 h 590237"/>
              <a:gd name="connsiteX13" fmla="*/ 141983 w 737797"/>
              <a:gd name="connsiteY13" fmla="*/ 427759 h 590237"/>
              <a:gd name="connsiteX14" fmla="*/ 108255 w 737797"/>
              <a:gd name="connsiteY14" fmla="*/ 426354 h 590237"/>
              <a:gd name="connsiteX15" fmla="*/ 55555 w 737797"/>
              <a:gd name="connsiteY15" fmla="*/ 450947 h 590237"/>
              <a:gd name="connsiteX16" fmla="*/ 4261 w 737797"/>
              <a:gd name="connsiteY16" fmla="*/ 398950 h 590237"/>
              <a:gd name="connsiteX17" fmla="*/ 35178 w 737797"/>
              <a:gd name="connsiteY17" fmla="*/ 299172 h 590237"/>
              <a:gd name="connsiteX18" fmla="*/ 102634 w 737797"/>
              <a:gd name="connsiteY18" fmla="*/ 306901 h 590237"/>
              <a:gd name="connsiteX19" fmla="*/ 128632 w 737797"/>
              <a:gd name="connsiteY19" fmla="*/ 324468 h 590237"/>
              <a:gd name="connsiteX20" fmla="*/ 149712 w 737797"/>
              <a:gd name="connsiteY20" fmla="*/ 289334 h 590237"/>
              <a:gd name="connsiteX21" fmla="*/ 149010 w 737797"/>
              <a:gd name="connsiteY21" fmla="*/ 174097 h 590237"/>
              <a:gd name="connsiteX22" fmla="*/ 174305 w 737797"/>
              <a:gd name="connsiteY22" fmla="*/ 148802 h 590237"/>
              <a:gd name="connsiteX23" fmla="*/ 286732 w 737797"/>
              <a:gd name="connsiteY23" fmla="*/ 149504 h 590237"/>
              <a:gd name="connsiteX24" fmla="*/ 310622 w 737797"/>
              <a:gd name="connsiteY24" fmla="*/ 144586 h 590237"/>
              <a:gd name="connsiteX25" fmla="*/ 314136 w 737797"/>
              <a:gd name="connsiteY25" fmla="*/ 108047 h 590237"/>
              <a:gd name="connsiteX26" fmla="*/ 311325 w 737797"/>
              <a:gd name="connsiteY26" fmla="*/ 23025 h 590237"/>
              <a:gd name="connsiteX27" fmla="*/ 439913 w 737797"/>
              <a:gd name="connsiteY27" fmla="*/ 32862 h 590237"/>
              <a:gd name="connsiteX28" fmla="*/ 433589 w 737797"/>
              <a:gd name="connsiteY28" fmla="*/ 104534 h 590237"/>
              <a:gd name="connsiteX29" fmla="*/ 416724 w 737797"/>
              <a:gd name="connsiteY29" fmla="*/ 128424 h 590237"/>
              <a:gd name="connsiteX30" fmla="*/ 451858 w 737797"/>
              <a:gd name="connsiteY30" fmla="*/ 149504 h 590237"/>
              <a:gd name="connsiteX31" fmla="*/ 572013 w 737797"/>
              <a:gd name="connsiteY31" fmla="*/ 148802 h 590237"/>
              <a:gd name="connsiteX32" fmla="*/ 590985 w 737797"/>
              <a:gd name="connsiteY32" fmla="*/ 168476 h 590237"/>
              <a:gd name="connsiteX33" fmla="*/ 590283 w 737797"/>
              <a:gd name="connsiteY33" fmla="*/ 283713 h 590237"/>
              <a:gd name="connsiteX34" fmla="*/ 597309 w 737797"/>
              <a:gd name="connsiteY34" fmla="*/ 312522 h 590237"/>
              <a:gd name="connsiteX35" fmla="*/ 633145 w 737797"/>
              <a:gd name="connsiteY35" fmla="*/ 314630 h 590237"/>
              <a:gd name="connsiteX36" fmla="*/ 719573 w 737797"/>
              <a:gd name="connsiteY36" fmla="*/ 312522 h 590237"/>
              <a:gd name="connsiteX37" fmla="*/ 694980 w 737797"/>
              <a:gd name="connsiteY37" fmla="*/ 448136 h 590237"/>
              <a:gd name="connsiteX38" fmla="*/ 636659 w 737797"/>
              <a:gd name="connsiteY38" fmla="*/ 433380 h 590237"/>
              <a:gd name="connsiteX39" fmla="*/ 612768 w 737797"/>
              <a:gd name="connsiteY39" fmla="*/ 417219 h 590237"/>
              <a:gd name="connsiteX40" fmla="*/ 590283 w 737797"/>
              <a:gd name="connsiteY40" fmla="*/ 451650 h 590237"/>
              <a:gd name="connsiteX41" fmla="*/ 590985 w 737797"/>
              <a:gd name="connsiteY41" fmla="*/ 569697 h 590237"/>
              <a:gd name="connsiteX42" fmla="*/ 567797 w 737797"/>
              <a:gd name="connsiteY42" fmla="*/ 593588 h 590237"/>
              <a:gd name="connsiteX43" fmla="*/ 510179 w 737797"/>
              <a:gd name="connsiteY43" fmla="*/ 592182 h 5902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</a:cxnLst>
            <a:rect l="l" t="t" r="r" b="b"/>
            <a:pathLst>
              <a:path w="737797" h="590237">
                <a:moveTo>
                  <a:pt x="510179" y="592182"/>
                </a:moveTo>
                <a:cubicBezTo>
                  <a:pt x="489802" y="592182"/>
                  <a:pt x="470127" y="592182"/>
                  <a:pt x="449750" y="592182"/>
                </a:cubicBezTo>
                <a:cubicBezTo>
                  <a:pt x="431481" y="592182"/>
                  <a:pt x="418833" y="583751"/>
                  <a:pt x="408293" y="569697"/>
                </a:cubicBezTo>
                <a:cubicBezTo>
                  <a:pt x="397753" y="555644"/>
                  <a:pt x="397753" y="543699"/>
                  <a:pt x="412509" y="532456"/>
                </a:cubicBezTo>
                <a:cubicBezTo>
                  <a:pt x="427264" y="521213"/>
                  <a:pt x="445534" y="509971"/>
                  <a:pt x="438507" y="486783"/>
                </a:cubicBezTo>
                <a:cubicBezTo>
                  <a:pt x="430778" y="460785"/>
                  <a:pt x="407590" y="445326"/>
                  <a:pt x="378781" y="443218"/>
                </a:cubicBezTo>
                <a:cubicBezTo>
                  <a:pt x="354188" y="441813"/>
                  <a:pt x="331702" y="444623"/>
                  <a:pt x="314838" y="465703"/>
                </a:cubicBezTo>
                <a:cubicBezTo>
                  <a:pt x="294461" y="490296"/>
                  <a:pt x="295164" y="504349"/>
                  <a:pt x="319757" y="526132"/>
                </a:cubicBezTo>
                <a:cubicBezTo>
                  <a:pt x="329594" y="534564"/>
                  <a:pt x="345053" y="540186"/>
                  <a:pt x="338729" y="558455"/>
                </a:cubicBezTo>
                <a:cubicBezTo>
                  <a:pt x="331702" y="576724"/>
                  <a:pt x="317649" y="590777"/>
                  <a:pt x="298677" y="591480"/>
                </a:cubicBezTo>
                <a:cubicBezTo>
                  <a:pt x="253004" y="593588"/>
                  <a:pt x="207331" y="591480"/>
                  <a:pt x="161658" y="592182"/>
                </a:cubicBezTo>
                <a:cubicBezTo>
                  <a:pt x="146199" y="592182"/>
                  <a:pt x="149712" y="581642"/>
                  <a:pt x="149712" y="573913"/>
                </a:cubicBezTo>
                <a:cubicBezTo>
                  <a:pt x="149712" y="535267"/>
                  <a:pt x="149712" y="497323"/>
                  <a:pt x="149712" y="458676"/>
                </a:cubicBezTo>
                <a:cubicBezTo>
                  <a:pt x="149712" y="447434"/>
                  <a:pt x="149712" y="436894"/>
                  <a:pt x="141983" y="427759"/>
                </a:cubicBezTo>
                <a:cubicBezTo>
                  <a:pt x="131443" y="415111"/>
                  <a:pt x="121606" y="407382"/>
                  <a:pt x="108255" y="426354"/>
                </a:cubicBezTo>
                <a:cubicBezTo>
                  <a:pt x="95607" y="443920"/>
                  <a:pt x="80149" y="459379"/>
                  <a:pt x="55555" y="450947"/>
                </a:cubicBezTo>
                <a:cubicBezTo>
                  <a:pt x="30259" y="442515"/>
                  <a:pt x="11288" y="426354"/>
                  <a:pt x="4261" y="398950"/>
                </a:cubicBezTo>
                <a:cubicBezTo>
                  <a:pt x="-6982" y="356087"/>
                  <a:pt x="4261" y="320954"/>
                  <a:pt x="35178" y="299172"/>
                </a:cubicBezTo>
                <a:cubicBezTo>
                  <a:pt x="61177" y="280902"/>
                  <a:pt x="80149" y="283713"/>
                  <a:pt x="102634" y="306901"/>
                </a:cubicBezTo>
                <a:cubicBezTo>
                  <a:pt x="109661" y="313928"/>
                  <a:pt x="111769" y="331494"/>
                  <a:pt x="128632" y="324468"/>
                </a:cubicBezTo>
                <a:cubicBezTo>
                  <a:pt x="143388" y="317441"/>
                  <a:pt x="149712" y="304793"/>
                  <a:pt x="149712" y="289334"/>
                </a:cubicBezTo>
                <a:cubicBezTo>
                  <a:pt x="149712" y="250688"/>
                  <a:pt x="151118" y="212744"/>
                  <a:pt x="149010" y="174097"/>
                </a:cubicBezTo>
                <a:cubicBezTo>
                  <a:pt x="148307" y="153720"/>
                  <a:pt x="153225" y="147396"/>
                  <a:pt x="174305" y="148802"/>
                </a:cubicBezTo>
                <a:cubicBezTo>
                  <a:pt x="211547" y="150910"/>
                  <a:pt x="249491" y="149504"/>
                  <a:pt x="286732" y="149504"/>
                </a:cubicBezTo>
                <a:cubicBezTo>
                  <a:pt x="295164" y="149504"/>
                  <a:pt x="302893" y="149504"/>
                  <a:pt x="310622" y="144586"/>
                </a:cubicBezTo>
                <a:cubicBezTo>
                  <a:pt x="330297" y="132640"/>
                  <a:pt x="331000" y="122803"/>
                  <a:pt x="314136" y="108047"/>
                </a:cubicBezTo>
                <a:cubicBezTo>
                  <a:pt x="281110" y="79941"/>
                  <a:pt x="280408" y="52537"/>
                  <a:pt x="311325" y="23025"/>
                </a:cubicBezTo>
                <a:cubicBezTo>
                  <a:pt x="346458" y="-11406"/>
                  <a:pt x="409698" y="-6487"/>
                  <a:pt x="439913" y="32862"/>
                </a:cubicBezTo>
                <a:cubicBezTo>
                  <a:pt x="460993" y="59563"/>
                  <a:pt x="458884" y="81346"/>
                  <a:pt x="433589" y="104534"/>
                </a:cubicBezTo>
                <a:cubicBezTo>
                  <a:pt x="426562" y="111560"/>
                  <a:pt x="410401" y="114371"/>
                  <a:pt x="416724" y="128424"/>
                </a:cubicBezTo>
                <a:cubicBezTo>
                  <a:pt x="423049" y="141775"/>
                  <a:pt x="434994" y="149504"/>
                  <a:pt x="451858" y="149504"/>
                </a:cubicBezTo>
                <a:cubicBezTo>
                  <a:pt x="491910" y="148802"/>
                  <a:pt x="531962" y="150207"/>
                  <a:pt x="572013" y="148802"/>
                </a:cubicBezTo>
                <a:cubicBezTo>
                  <a:pt x="588175" y="148099"/>
                  <a:pt x="591688" y="153720"/>
                  <a:pt x="590985" y="168476"/>
                </a:cubicBezTo>
                <a:cubicBezTo>
                  <a:pt x="589580" y="207123"/>
                  <a:pt x="590985" y="245067"/>
                  <a:pt x="590283" y="283713"/>
                </a:cubicBezTo>
                <a:cubicBezTo>
                  <a:pt x="590283" y="294253"/>
                  <a:pt x="590985" y="304090"/>
                  <a:pt x="597309" y="312522"/>
                </a:cubicBezTo>
                <a:cubicBezTo>
                  <a:pt x="607849" y="325873"/>
                  <a:pt x="617687" y="333602"/>
                  <a:pt x="633145" y="314630"/>
                </a:cubicBezTo>
                <a:cubicBezTo>
                  <a:pt x="661954" y="278794"/>
                  <a:pt x="687953" y="279497"/>
                  <a:pt x="719573" y="312522"/>
                </a:cubicBezTo>
                <a:cubicBezTo>
                  <a:pt x="756112" y="351872"/>
                  <a:pt x="742761" y="424948"/>
                  <a:pt x="694980" y="448136"/>
                </a:cubicBezTo>
                <a:cubicBezTo>
                  <a:pt x="671089" y="459379"/>
                  <a:pt x="653522" y="450947"/>
                  <a:pt x="636659" y="433380"/>
                </a:cubicBezTo>
                <a:cubicBezTo>
                  <a:pt x="630334" y="426354"/>
                  <a:pt x="627524" y="410895"/>
                  <a:pt x="612768" y="417219"/>
                </a:cubicBezTo>
                <a:cubicBezTo>
                  <a:pt x="598012" y="423543"/>
                  <a:pt x="590283" y="435488"/>
                  <a:pt x="590283" y="451650"/>
                </a:cubicBezTo>
                <a:cubicBezTo>
                  <a:pt x="590283" y="490999"/>
                  <a:pt x="588877" y="530348"/>
                  <a:pt x="590985" y="569697"/>
                </a:cubicBezTo>
                <a:cubicBezTo>
                  <a:pt x="591688" y="587967"/>
                  <a:pt x="587472" y="595696"/>
                  <a:pt x="567797" y="593588"/>
                </a:cubicBezTo>
                <a:cubicBezTo>
                  <a:pt x="548826" y="590777"/>
                  <a:pt x="529151" y="592182"/>
                  <a:pt x="510179" y="592182"/>
                </a:cubicBezTo>
                <a:close/>
              </a:path>
            </a:pathLst>
          </a:custGeom>
          <a:solidFill>
            <a:schemeClr val="accent3"/>
          </a:solidFill>
          <a:ln w="25400" cap="flat">
            <a:solidFill>
              <a:schemeClr val="bg1"/>
            </a:solidFill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9E07440-AFB1-402B-A374-9476FBA9AC8B}"/>
              </a:ext>
            </a:extLst>
          </p:cNvPr>
          <p:cNvSpPr/>
          <p:nvPr/>
        </p:nvSpPr>
        <p:spPr>
          <a:xfrm rot="10800000" flipV="1">
            <a:off x="5920480" y="3237857"/>
            <a:ext cx="1064923" cy="1419896"/>
          </a:xfrm>
          <a:custGeom>
            <a:avLst/>
            <a:gdLst>
              <a:gd name="connsiteX0" fmla="*/ 1580 w 442678"/>
              <a:gd name="connsiteY0" fmla="*/ 362575 h 590237"/>
              <a:gd name="connsiteX1" fmla="*/ 1580 w 442678"/>
              <a:gd name="connsiteY1" fmla="*/ 299335 h 590237"/>
              <a:gd name="connsiteX2" fmla="*/ 27579 w 442678"/>
              <a:gd name="connsiteY2" fmla="*/ 257175 h 590237"/>
              <a:gd name="connsiteX3" fmla="*/ 56388 w 442678"/>
              <a:gd name="connsiteY3" fmla="*/ 259986 h 590237"/>
              <a:gd name="connsiteX4" fmla="*/ 130871 w 442678"/>
              <a:gd name="connsiteY4" fmla="*/ 274039 h 590237"/>
              <a:gd name="connsiteX5" fmla="*/ 132979 w 442678"/>
              <a:gd name="connsiteY5" fmla="*/ 171450 h 590237"/>
              <a:gd name="connsiteX6" fmla="*/ 64820 w 442678"/>
              <a:gd name="connsiteY6" fmla="*/ 172855 h 590237"/>
              <a:gd name="connsiteX7" fmla="*/ 34606 w 442678"/>
              <a:gd name="connsiteY7" fmla="*/ 189719 h 590237"/>
              <a:gd name="connsiteX8" fmla="*/ 2986 w 442678"/>
              <a:gd name="connsiteY8" fmla="*/ 152478 h 590237"/>
              <a:gd name="connsiteX9" fmla="*/ 2283 w 442678"/>
              <a:gd name="connsiteY9" fmla="*/ 12648 h 590237"/>
              <a:gd name="connsiteX10" fmla="*/ 17742 w 442678"/>
              <a:gd name="connsiteY10" fmla="*/ 0 h 590237"/>
              <a:gd name="connsiteX11" fmla="*/ 146329 w 442678"/>
              <a:gd name="connsiteY11" fmla="*/ 0 h 590237"/>
              <a:gd name="connsiteX12" fmla="*/ 184976 w 442678"/>
              <a:gd name="connsiteY12" fmla="*/ 22485 h 590237"/>
              <a:gd name="connsiteX13" fmla="*/ 180760 w 442678"/>
              <a:gd name="connsiteY13" fmla="*/ 59726 h 590237"/>
              <a:gd name="connsiteX14" fmla="*/ 155464 w 442678"/>
              <a:gd name="connsiteY14" fmla="*/ 105400 h 590237"/>
              <a:gd name="connsiteX15" fmla="*/ 212380 w 442678"/>
              <a:gd name="connsiteY15" fmla="*/ 148262 h 590237"/>
              <a:gd name="connsiteX16" fmla="*/ 281241 w 442678"/>
              <a:gd name="connsiteY16" fmla="*/ 123669 h 590237"/>
              <a:gd name="connsiteX17" fmla="*/ 276322 w 442678"/>
              <a:gd name="connsiteY17" fmla="*/ 67456 h 590237"/>
              <a:gd name="connsiteX18" fmla="*/ 256648 w 442678"/>
              <a:gd name="connsiteY18" fmla="*/ 30917 h 590237"/>
              <a:gd name="connsiteX19" fmla="*/ 300915 w 442678"/>
              <a:gd name="connsiteY19" fmla="*/ 0 h 590237"/>
              <a:gd name="connsiteX20" fmla="*/ 429503 w 442678"/>
              <a:gd name="connsiteY20" fmla="*/ 0 h 590237"/>
              <a:gd name="connsiteX21" fmla="*/ 445664 w 442678"/>
              <a:gd name="connsiteY21" fmla="*/ 15459 h 590237"/>
              <a:gd name="connsiteX22" fmla="*/ 444961 w 442678"/>
              <a:gd name="connsiteY22" fmla="*/ 144046 h 590237"/>
              <a:gd name="connsiteX23" fmla="*/ 425287 w 442678"/>
              <a:gd name="connsiteY23" fmla="*/ 181990 h 590237"/>
              <a:gd name="connsiteX24" fmla="*/ 383830 w 442678"/>
              <a:gd name="connsiteY24" fmla="*/ 177774 h 590237"/>
              <a:gd name="connsiteX25" fmla="*/ 339562 w 442678"/>
              <a:gd name="connsiteY25" fmla="*/ 153884 h 590237"/>
              <a:gd name="connsiteX26" fmla="*/ 296699 w 442678"/>
              <a:gd name="connsiteY26" fmla="*/ 205881 h 590237"/>
              <a:gd name="connsiteX27" fmla="*/ 319887 w 442678"/>
              <a:gd name="connsiteY27" fmla="*/ 279660 h 590237"/>
              <a:gd name="connsiteX28" fmla="*/ 376100 w 442678"/>
              <a:gd name="connsiteY28" fmla="*/ 276147 h 590237"/>
              <a:gd name="connsiteX29" fmla="*/ 409126 w 442678"/>
              <a:gd name="connsiteY29" fmla="*/ 254364 h 590237"/>
              <a:gd name="connsiteX30" fmla="*/ 443556 w 442678"/>
              <a:gd name="connsiteY30" fmla="*/ 298632 h 590237"/>
              <a:gd name="connsiteX31" fmla="*/ 444259 w 442678"/>
              <a:gd name="connsiteY31" fmla="*/ 430030 h 590237"/>
              <a:gd name="connsiteX32" fmla="*/ 425989 w 442678"/>
              <a:gd name="connsiteY32" fmla="*/ 442678 h 590237"/>
              <a:gd name="connsiteX33" fmla="*/ 307942 w 442678"/>
              <a:gd name="connsiteY33" fmla="*/ 442678 h 590237"/>
              <a:gd name="connsiteX34" fmla="*/ 279835 w 442678"/>
              <a:gd name="connsiteY34" fmla="*/ 450408 h 590237"/>
              <a:gd name="connsiteX35" fmla="*/ 278430 w 442678"/>
              <a:gd name="connsiteY35" fmla="*/ 486244 h 590237"/>
              <a:gd name="connsiteX36" fmla="*/ 281241 w 442678"/>
              <a:gd name="connsiteY36" fmla="*/ 571266 h 590237"/>
              <a:gd name="connsiteX37" fmla="*/ 150545 w 442678"/>
              <a:gd name="connsiteY37" fmla="*/ 558618 h 590237"/>
              <a:gd name="connsiteX38" fmla="*/ 157572 w 442678"/>
              <a:gd name="connsiteY38" fmla="*/ 491162 h 590237"/>
              <a:gd name="connsiteX39" fmla="*/ 175139 w 442678"/>
              <a:gd name="connsiteY39" fmla="*/ 464461 h 590237"/>
              <a:gd name="connsiteX40" fmla="*/ 137195 w 442678"/>
              <a:gd name="connsiteY40" fmla="*/ 443381 h 590237"/>
              <a:gd name="connsiteX41" fmla="*/ 21958 w 442678"/>
              <a:gd name="connsiteY41" fmla="*/ 444084 h 590237"/>
              <a:gd name="connsiteX42" fmla="*/ 175 w 442678"/>
              <a:gd name="connsiteY42" fmla="*/ 423706 h 590237"/>
              <a:gd name="connsiteX43" fmla="*/ 1580 w 442678"/>
              <a:gd name="connsiteY43" fmla="*/ 362575 h 5902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</a:cxnLst>
            <a:rect l="l" t="t" r="r" b="b"/>
            <a:pathLst>
              <a:path w="442678" h="590237">
                <a:moveTo>
                  <a:pt x="1580" y="362575"/>
                </a:moveTo>
                <a:cubicBezTo>
                  <a:pt x="1580" y="341495"/>
                  <a:pt x="2283" y="320415"/>
                  <a:pt x="1580" y="299335"/>
                </a:cubicBezTo>
                <a:cubicBezTo>
                  <a:pt x="878" y="279660"/>
                  <a:pt x="12823" y="267012"/>
                  <a:pt x="27579" y="257175"/>
                </a:cubicBezTo>
                <a:cubicBezTo>
                  <a:pt x="37416" y="250851"/>
                  <a:pt x="46551" y="250851"/>
                  <a:pt x="56388" y="259986"/>
                </a:cubicBezTo>
                <a:cubicBezTo>
                  <a:pt x="94332" y="297227"/>
                  <a:pt x="105575" y="298632"/>
                  <a:pt x="130871" y="274039"/>
                </a:cubicBezTo>
                <a:cubicBezTo>
                  <a:pt x="156869" y="248041"/>
                  <a:pt x="157572" y="198854"/>
                  <a:pt x="132979" y="171450"/>
                </a:cubicBezTo>
                <a:cubicBezTo>
                  <a:pt x="108385" y="144749"/>
                  <a:pt x="88711" y="144749"/>
                  <a:pt x="64820" y="172855"/>
                </a:cubicBezTo>
                <a:cubicBezTo>
                  <a:pt x="57091" y="181990"/>
                  <a:pt x="50767" y="196043"/>
                  <a:pt x="34606" y="189719"/>
                </a:cubicBezTo>
                <a:cubicBezTo>
                  <a:pt x="17742" y="183395"/>
                  <a:pt x="3689" y="170747"/>
                  <a:pt x="2986" y="152478"/>
                </a:cubicBezTo>
                <a:cubicBezTo>
                  <a:pt x="1580" y="106102"/>
                  <a:pt x="2283" y="59726"/>
                  <a:pt x="2283" y="12648"/>
                </a:cubicBezTo>
                <a:cubicBezTo>
                  <a:pt x="2283" y="703"/>
                  <a:pt x="8607" y="0"/>
                  <a:pt x="17742" y="0"/>
                </a:cubicBezTo>
                <a:cubicBezTo>
                  <a:pt x="60604" y="0"/>
                  <a:pt x="103467" y="0"/>
                  <a:pt x="146329" y="0"/>
                </a:cubicBezTo>
                <a:cubicBezTo>
                  <a:pt x="163193" y="0"/>
                  <a:pt x="175139" y="9135"/>
                  <a:pt x="184976" y="22485"/>
                </a:cubicBezTo>
                <a:cubicBezTo>
                  <a:pt x="195516" y="36539"/>
                  <a:pt x="195516" y="47781"/>
                  <a:pt x="180760" y="59726"/>
                </a:cubicBezTo>
                <a:cubicBezTo>
                  <a:pt x="166004" y="70969"/>
                  <a:pt x="147032" y="82212"/>
                  <a:pt x="155464" y="105400"/>
                </a:cubicBezTo>
                <a:cubicBezTo>
                  <a:pt x="165301" y="131398"/>
                  <a:pt x="183570" y="146857"/>
                  <a:pt x="212380" y="148262"/>
                </a:cubicBezTo>
                <a:cubicBezTo>
                  <a:pt x="239081" y="149668"/>
                  <a:pt x="262972" y="146857"/>
                  <a:pt x="281241" y="123669"/>
                </a:cubicBezTo>
                <a:cubicBezTo>
                  <a:pt x="298807" y="100481"/>
                  <a:pt x="298105" y="87131"/>
                  <a:pt x="276322" y="67456"/>
                </a:cubicBezTo>
                <a:cubicBezTo>
                  <a:pt x="265079" y="57619"/>
                  <a:pt x="246810" y="50592"/>
                  <a:pt x="256648" y="30917"/>
                </a:cubicBezTo>
                <a:cubicBezTo>
                  <a:pt x="265079" y="12648"/>
                  <a:pt x="279835" y="0"/>
                  <a:pt x="300915" y="0"/>
                </a:cubicBezTo>
                <a:cubicBezTo>
                  <a:pt x="343778" y="0"/>
                  <a:pt x="386640" y="0"/>
                  <a:pt x="429503" y="0"/>
                </a:cubicBezTo>
                <a:cubicBezTo>
                  <a:pt x="441448" y="0"/>
                  <a:pt x="445664" y="2811"/>
                  <a:pt x="445664" y="15459"/>
                </a:cubicBezTo>
                <a:cubicBezTo>
                  <a:pt x="444961" y="58321"/>
                  <a:pt x="445664" y="101184"/>
                  <a:pt x="444961" y="144046"/>
                </a:cubicBezTo>
                <a:cubicBezTo>
                  <a:pt x="444961" y="159505"/>
                  <a:pt x="437232" y="171450"/>
                  <a:pt x="425287" y="181990"/>
                </a:cubicBezTo>
                <a:cubicBezTo>
                  <a:pt x="409828" y="194638"/>
                  <a:pt x="397180" y="196043"/>
                  <a:pt x="383830" y="177774"/>
                </a:cubicBezTo>
                <a:cubicBezTo>
                  <a:pt x="373290" y="163018"/>
                  <a:pt x="361345" y="145452"/>
                  <a:pt x="339562" y="153884"/>
                </a:cubicBezTo>
                <a:cubicBezTo>
                  <a:pt x="316374" y="162315"/>
                  <a:pt x="299510" y="178477"/>
                  <a:pt x="296699" y="205881"/>
                </a:cubicBezTo>
                <a:cubicBezTo>
                  <a:pt x="293186" y="233987"/>
                  <a:pt x="295294" y="260688"/>
                  <a:pt x="319887" y="279660"/>
                </a:cubicBezTo>
                <a:cubicBezTo>
                  <a:pt x="343075" y="297930"/>
                  <a:pt x="355723" y="296524"/>
                  <a:pt x="376100" y="276147"/>
                </a:cubicBezTo>
                <a:cubicBezTo>
                  <a:pt x="385235" y="267012"/>
                  <a:pt x="390154" y="248041"/>
                  <a:pt x="409126" y="254364"/>
                </a:cubicBezTo>
                <a:cubicBezTo>
                  <a:pt x="429503" y="261391"/>
                  <a:pt x="442854" y="276850"/>
                  <a:pt x="443556" y="298632"/>
                </a:cubicBezTo>
                <a:cubicBezTo>
                  <a:pt x="444961" y="342197"/>
                  <a:pt x="443556" y="386465"/>
                  <a:pt x="444259" y="430030"/>
                </a:cubicBezTo>
                <a:cubicBezTo>
                  <a:pt x="444259" y="444786"/>
                  <a:pt x="435124" y="442678"/>
                  <a:pt x="425989" y="442678"/>
                </a:cubicBezTo>
                <a:cubicBezTo>
                  <a:pt x="386640" y="442678"/>
                  <a:pt x="347291" y="442678"/>
                  <a:pt x="307942" y="442678"/>
                </a:cubicBezTo>
                <a:cubicBezTo>
                  <a:pt x="297402" y="442678"/>
                  <a:pt x="288268" y="443381"/>
                  <a:pt x="279835" y="450408"/>
                </a:cubicBezTo>
                <a:cubicBezTo>
                  <a:pt x="265782" y="461650"/>
                  <a:pt x="259458" y="470785"/>
                  <a:pt x="278430" y="486244"/>
                </a:cubicBezTo>
                <a:cubicBezTo>
                  <a:pt x="312158" y="512945"/>
                  <a:pt x="312158" y="541051"/>
                  <a:pt x="281241" y="571266"/>
                </a:cubicBezTo>
                <a:cubicBezTo>
                  <a:pt x="245405" y="606399"/>
                  <a:pt x="180057" y="600075"/>
                  <a:pt x="150545" y="558618"/>
                </a:cubicBezTo>
                <a:cubicBezTo>
                  <a:pt x="132276" y="532619"/>
                  <a:pt x="134384" y="513647"/>
                  <a:pt x="157572" y="491162"/>
                </a:cubicBezTo>
                <a:cubicBezTo>
                  <a:pt x="165301" y="483433"/>
                  <a:pt x="182868" y="479920"/>
                  <a:pt x="175139" y="464461"/>
                </a:cubicBezTo>
                <a:cubicBezTo>
                  <a:pt x="168112" y="449705"/>
                  <a:pt x="154761" y="442678"/>
                  <a:pt x="137195" y="443381"/>
                </a:cubicBezTo>
                <a:cubicBezTo>
                  <a:pt x="98548" y="444084"/>
                  <a:pt x="60604" y="442678"/>
                  <a:pt x="21958" y="444084"/>
                </a:cubicBezTo>
                <a:cubicBezTo>
                  <a:pt x="5797" y="444786"/>
                  <a:pt x="-1230" y="441976"/>
                  <a:pt x="175" y="423706"/>
                </a:cubicBezTo>
                <a:cubicBezTo>
                  <a:pt x="2986" y="402627"/>
                  <a:pt x="1580" y="382249"/>
                  <a:pt x="1580" y="362575"/>
                </a:cubicBezTo>
                <a:close/>
              </a:path>
            </a:pathLst>
          </a:custGeom>
          <a:solidFill>
            <a:schemeClr val="accent4"/>
          </a:solidFill>
          <a:ln w="25400" cap="flat">
            <a:solidFill>
              <a:schemeClr val="bg1"/>
            </a:solidFill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A5FB48C7-9C68-47C0-8DB6-68A116A59A79}"/>
              </a:ext>
            </a:extLst>
          </p:cNvPr>
          <p:cNvSpPr/>
          <p:nvPr/>
        </p:nvSpPr>
        <p:spPr>
          <a:xfrm>
            <a:off x="6624918" y="2860285"/>
            <a:ext cx="1774869" cy="1419896"/>
          </a:xfrm>
          <a:custGeom>
            <a:avLst/>
            <a:gdLst>
              <a:gd name="connsiteX0" fmla="*/ 510179 w 737797"/>
              <a:gd name="connsiteY0" fmla="*/ 592182 h 590237"/>
              <a:gd name="connsiteX1" fmla="*/ 449750 w 737797"/>
              <a:gd name="connsiteY1" fmla="*/ 592182 h 590237"/>
              <a:gd name="connsiteX2" fmla="*/ 408293 w 737797"/>
              <a:gd name="connsiteY2" fmla="*/ 569697 h 590237"/>
              <a:gd name="connsiteX3" fmla="*/ 412509 w 737797"/>
              <a:gd name="connsiteY3" fmla="*/ 532456 h 590237"/>
              <a:gd name="connsiteX4" fmla="*/ 438507 w 737797"/>
              <a:gd name="connsiteY4" fmla="*/ 486783 h 590237"/>
              <a:gd name="connsiteX5" fmla="*/ 378781 w 737797"/>
              <a:gd name="connsiteY5" fmla="*/ 443218 h 590237"/>
              <a:gd name="connsiteX6" fmla="*/ 314838 w 737797"/>
              <a:gd name="connsiteY6" fmla="*/ 465703 h 590237"/>
              <a:gd name="connsiteX7" fmla="*/ 319757 w 737797"/>
              <a:gd name="connsiteY7" fmla="*/ 526132 h 590237"/>
              <a:gd name="connsiteX8" fmla="*/ 338729 w 737797"/>
              <a:gd name="connsiteY8" fmla="*/ 558455 h 590237"/>
              <a:gd name="connsiteX9" fmla="*/ 298677 w 737797"/>
              <a:gd name="connsiteY9" fmla="*/ 591480 h 590237"/>
              <a:gd name="connsiteX10" fmla="*/ 161658 w 737797"/>
              <a:gd name="connsiteY10" fmla="*/ 592182 h 590237"/>
              <a:gd name="connsiteX11" fmla="*/ 149712 w 737797"/>
              <a:gd name="connsiteY11" fmla="*/ 573913 h 590237"/>
              <a:gd name="connsiteX12" fmla="*/ 149712 w 737797"/>
              <a:gd name="connsiteY12" fmla="*/ 458676 h 590237"/>
              <a:gd name="connsiteX13" fmla="*/ 141983 w 737797"/>
              <a:gd name="connsiteY13" fmla="*/ 427759 h 590237"/>
              <a:gd name="connsiteX14" fmla="*/ 108255 w 737797"/>
              <a:gd name="connsiteY14" fmla="*/ 426354 h 590237"/>
              <a:gd name="connsiteX15" fmla="*/ 55555 w 737797"/>
              <a:gd name="connsiteY15" fmla="*/ 450947 h 590237"/>
              <a:gd name="connsiteX16" fmla="*/ 4261 w 737797"/>
              <a:gd name="connsiteY16" fmla="*/ 398950 h 590237"/>
              <a:gd name="connsiteX17" fmla="*/ 35178 w 737797"/>
              <a:gd name="connsiteY17" fmla="*/ 299172 h 590237"/>
              <a:gd name="connsiteX18" fmla="*/ 102634 w 737797"/>
              <a:gd name="connsiteY18" fmla="*/ 306901 h 590237"/>
              <a:gd name="connsiteX19" fmla="*/ 128632 w 737797"/>
              <a:gd name="connsiteY19" fmla="*/ 324468 h 590237"/>
              <a:gd name="connsiteX20" fmla="*/ 149712 w 737797"/>
              <a:gd name="connsiteY20" fmla="*/ 289334 h 590237"/>
              <a:gd name="connsiteX21" fmla="*/ 149010 w 737797"/>
              <a:gd name="connsiteY21" fmla="*/ 174097 h 590237"/>
              <a:gd name="connsiteX22" fmla="*/ 174305 w 737797"/>
              <a:gd name="connsiteY22" fmla="*/ 148802 h 590237"/>
              <a:gd name="connsiteX23" fmla="*/ 286732 w 737797"/>
              <a:gd name="connsiteY23" fmla="*/ 149504 h 590237"/>
              <a:gd name="connsiteX24" fmla="*/ 310622 w 737797"/>
              <a:gd name="connsiteY24" fmla="*/ 144586 h 590237"/>
              <a:gd name="connsiteX25" fmla="*/ 314136 w 737797"/>
              <a:gd name="connsiteY25" fmla="*/ 108047 h 590237"/>
              <a:gd name="connsiteX26" fmla="*/ 311325 w 737797"/>
              <a:gd name="connsiteY26" fmla="*/ 23025 h 590237"/>
              <a:gd name="connsiteX27" fmla="*/ 439913 w 737797"/>
              <a:gd name="connsiteY27" fmla="*/ 32862 h 590237"/>
              <a:gd name="connsiteX28" fmla="*/ 433589 w 737797"/>
              <a:gd name="connsiteY28" fmla="*/ 104534 h 590237"/>
              <a:gd name="connsiteX29" fmla="*/ 416724 w 737797"/>
              <a:gd name="connsiteY29" fmla="*/ 128424 h 590237"/>
              <a:gd name="connsiteX30" fmla="*/ 451858 w 737797"/>
              <a:gd name="connsiteY30" fmla="*/ 149504 h 590237"/>
              <a:gd name="connsiteX31" fmla="*/ 572013 w 737797"/>
              <a:gd name="connsiteY31" fmla="*/ 148802 h 590237"/>
              <a:gd name="connsiteX32" fmla="*/ 590985 w 737797"/>
              <a:gd name="connsiteY32" fmla="*/ 168476 h 590237"/>
              <a:gd name="connsiteX33" fmla="*/ 590283 w 737797"/>
              <a:gd name="connsiteY33" fmla="*/ 283713 h 590237"/>
              <a:gd name="connsiteX34" fmla="*/ 597309 w 737797"/>
              <a:gd name="connsiteY34" fmla="*/ 312522 h 590237"/>
              <a:gd name="connsiteX35" fmla="*/ 633145 w 737797"/>
              <a:gd name="connsiteY35" fmla="*/ 314630 h 590237"/>
              <a:gd name="connsiteX36" fmla="*/ 719573 w 737797"/>
              <a:gd name="connsiteY36" fmla="*/ 312522 h 590237"/>
              <a:gd name="connsiteX37" fmla="*/ 694980 w 737797"/>
              <a:gd name="connsiteY37" fmla="*/ 448136 h 590237"/>
              <a:gd name="connsiteX38" fmla="*/ 636659 w 737797"/>
              <a:gd name="connsiteY38" fmla="*/ 433380 h 590237"/>
              <a:gd name="connsiteX39" fmla="*/ 612768 w 737797"/>
              <a:gd name="connsiteY39" fmla="*/ 417219 h 590237"/>
              <a:gd name="connsiteX40" fmla="*/ 590283 w 737797"/>
              <a:gd name="connsiteY40" fmla="*/ 451650 h 590237"/>
              <a:gd name="connsiteX41" fmla="*/ 590985 w 737797"/>
              <a:gd name="connsiteY41" fmla="*/ 569697 h 590237"/>
              <a:gd name="connsiteX42" fmla="*/ 567797 w 737797"/>
              <a:gd name="connsiteY42" fmla="*/ 593588 h 590237"/>
              <a:gd name="connsiteX43" fmla="*/ 510179 w 737797"/>
              <a:gd name="connsiteY43" fmla="*/ 592182 h 5902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</a:cxnLst>
            <a:rect l="l" t="t" r="r" b="b"/>
            <a:pathLst>
              <a:path w="737797" h="590237">
                <a:moveTo>
                  <a:pt x="510179" y="592182"/>
                </a:moveTo>
                <a:cubicBezTo>
                  <a:pt x="489802" y="592182"/>
                  <a:pt x="470127" y="592182"/>
                  <a:pt x="449750" y="592182"/>
                </a:cubicBezTo>
                <a:cubicBezTo>
                  <a:pt x="431481" y="592182"/>
                  <a:pt x="418833" y="583751"/>
                  <a:pt x="408293" y="569697"/>
                </a:cubicBezTo>
                <a:cubicBezTo>
                  <a:pt x="397753" y="555644"/>
                  <a:pt x="397753" y="543699"/>
                  <a:pt x="412509" y="532456"/>
                </a:cubicBezTo>
                <a:cubicBezTo>
                  <a:pt x="427264" y="521213"/>
                  <a:pt x="445534" y="509971"/>
                  <a:pt x="438507" y="486783"/>
                </a:cubicBezTo>
                <a:cubicBezTo>
                  <a:pt x="430778" y="460785"/>
                  <a:pt x="407590" y="445326"/>
                  <a:pt x="378781" y="443218"/>
                </a:cubicBezTo>
                <a:cubicBezTo>
                  <a:pt x="354188" y="441813"/>
                  <a:pt x="331702" y="444623"/>
                  <a:pt x="314838" y="465703"/>
                </a:cubicBezTo>
                <a:cubicBezTo>
                  <a:pt x="294461" y="490296"/>
                  <a:pt x="295164" y="504349"/>
                  <a:pt x="319757" y="526132"/>
                </a:cubicBezTo>
                <a:cubicBezTo>
                  <a:pt x="329594" y="534564"/>
                  <a:pt x="345053" y="540186"/>
                  <a:pt x="338729" y="558455"/>
                </a:cubicBezTo>
                <a:cubicBezTo>
                  <a:pt x="331702" y="576724"/>
                  <a:pt x="317649" y="590777"/>
                  <a:pt x="298677" y="591480"/>
                </a:cubicBezTo>
                <a:cubicBezTo>
                  <a:pt x="253004" y="593588"/>
                  <a:pt x="207331" y="591480"/>
                  <a:pt x="161658" y="592182"/>
                </a:cubicBezTo>
                <a:cubicBezTo>
                  <a:pt x="146199" y="592182"/>
                  <a:pt x="149712" y="581642"/>
                  <a:pt x="149712" y="573913"/>
                </a:cubicBezTo>
                <a:cubicBezTo>
                  <a:pt x="149712" y="535267"/>
                  <a:pt x="149712" y="497323"/>
                  <a:pt x="149712" y="458676"/>
                </a:cubicBezTo>
                <a:cubicBezTo>
                  <a:pt x="149712" y="447434"/>
                  <a:pt x="149712" y="436894"/>
                  <a:pt x="141983" y="427759"/>
                </a:cubicBezTo>
                <a:cubicBezTo>
                  <a:pt x="131443" y="415111"/>
                  <a:pt x="121606" y="407382"/>
                  <a:pt x="108255" y="426354"/>
                </a:cubicBezTo>
                <a:cubicBezTo>
                  <a:pt x="95607" y="443920"/>
                  <a:pt x="80149" y="459379"/>
                  <a:pt x="55555" y="450947"/>
                </a:cubicBezTo>
                <a:cubicBezTo>
                  <a:pt x="30259" y="442515"/>
                  <a:pt x="11288" y="426354"/>
                  <a:pt x="4261" y="398950"/>
                </a:cubicBezTo>
                <a:cubicBezTo>
                  <a:pt x="-6982" y="356087"/>
                  <a:pt x="4261" y="320954"/>
                  <a:pt x="35178" y="299172"/>
                </a:cubicBezTo>
                <a:cubicBezTo>
                  <a:pt x="61177" y="280902"/>
                  <a:pt x="80149" y="283713"/>
                  <a:pt x="102634" y="306901"/>
                </a:cubicBezTo>
                <a:cubicBezTo>
                  <a:pt x="109661" y="313928"/>
                  <a:pt x="111769" y="331494"/>
                  <a:pt x="128632" y="324468"/>
                </a:cubicBezTo>
                <a:cubicBezTo>
                  <a:pt x="143388" y="317441"/>
                  <a:pt x="149712" y="304793"/>
                  <a:pt x="149712" y="289334"/>
                </a:cubicBezTo>
                <a:cubicBezTo>
                  <a:pt x="149712" y="250688"/>
                  <a:pt x="151118" y="212744"/>
                  <a:pt x="149010" y="174097"/>
                </a:cubicBezTo>
                <a:cubicBezTo>
                  <a:pt x="148307" y="153720"/>
                  <a:pt x="153225" y="147396"/>
                  <a:pt x="174305" y="148802"/>
                </a:cubicBezTo>
                <a:cubicBezTo>
                  <a:pt x="211547" y="150910"/>
                  <a:pt x="249491" y="149504"/>
                  <a:pt x="286732" y="149504"/>
                </a:cubicBezTo>
                <a:cubicBezTo>
                  <a:pt x="295164" y="149504"/>
                  <a:pt x="302893" y="149504"/>
                  <a:pt x="310622" y="144586"/>
                </a:cubicBezTo>
                <a:cubicBezTo>
                  <a:pt x="330297" y="132640"/>
                  <a:pt x="331000" y="122803"/>
                  <a:pt x="314136" y="108047"/>
                </a:cubicBezTo>
                <a:cubicBezTo>
                  <a:pt x="281110" y="79941"/>
                  <a:pt x="280408" y="52537"/>
                  <a:pt x="311325" y="23025"/>
                </a:cubicBezTo>
                <a:cubicBezTo>
                  <a:pt x="346458" y="-11406"/>
                  <a:pt x="409698" y="-6487"/>
                  <a:pt x="439913" y="32862"/>
                </a:cubicBezTo>
                <a:cubicBezTo>
                  <a:pt x="460993" y="59563"/>
                  <a:pt x="458884" y="81346"/>
                  <a:pt x="433589" y="104534"/>
                </a:cubicBezTo>
                <a:cubicBezTo>
                  <a:pt x="426562" y="111560"/>
                  <a:pt x="410401" y="114371"/>
                  <a:pt x="416724" y="128424"/>
                </a:cubicBezTo>
                <a:cubicBezTo>
                  <a:pt x="423049" y="141775"/>
                  <a:pt x="434994" y="149504"/>
                  <a:pt x="451858" y="149504"/>
                </a:cubicBezTo>
                <a:cubicBezTo>
                  <a:pt x="491910" y="148802"/>
                  <a:pt x="531962" y="150207"/>
                  <a:pt x="572013" y="148802"/>
                </a:cubicBezTo>
                <a:cubicBezTo>
                  <a:pt x="588175" y="148099"/>
                  <a:pt x="591688" y="153720"/>
                  <a:pt x="590985" y="168476"/>
                </a:cubicBezTo>
                <a:cubicBezTo>
                  <a:pt x="589580" y="207123"/>
                  <a:pt x="590985" y="245067"/>
                  <a:pt x="590283" y="283713"/>
                </a:cubicBezTo>
                <a:cubicBezTo>
                  <a:pt x="590283" y="294253"/>
                  <a:pt x="590985" y="304090"/>
                  <a:pt x="597309" y="312522"/>
                </a:cubicBezTo>
                <a:cubicBezTo>
                  <a:pt x="607849" y="325873"/>
                  <a:pt x="617687" y="333602"/>
                  <a:pt x="633145" y="314630"/>
                </a:cubicBezTo>
                <a:cubicBezTo>
                  <a:pt x="661954" y="278794"/>
                  <a:pt x="687953" y="279497"/>
                  <a:pt x="719573" y="312522"/>
                </a:cubicBezTo>
                <a:cubicBezTo>
                  <a:pt x="756112" y="351872"/>
                  <a:pt x="742761" y="424948"/>
                  <a:pt x="694980" y="448136"/>
                </a:cubicBezTo>
                <a:cubicBezTo>
                  <a:pt x="671089" y="459379"/>
                  <a:pt x="653522" y="450947"/>
                  <a:pt x="636659" y="433380"/>
                </a:cubicBezTo>
                <a:cubicBezTo>
                  <a:pt x="630334" y="426354"/>
                  <a:pt x="627524" y="410895"/>
                  <a:pt x="612768" y="417219"/>
                </a:cubicBezTo>
                <a:cubicBezTo>
                  <a:pt x="598012" y="423543"/>
                  <a:pt x="590283" y="435488"/>
                  <a:pt x="590283" y="451650"/>
                </a:cubicBezTo>
                <a:cubicBezTo>
                  <a:pt x="590283" y="490999"/>
                  <a:pt x="588877" y="530348"/>
                  <a:pt x="590985" y="569697"/>
                </a:cubicBezTo>
                <a:cubicBezTo>
                  <a:pt x="591688" y="587967"/>
                  <a:pt x="587472" y="595696"/>
                  <a:pt x="567797" y="593588"/>
                </a:cubicBezTo>
                <a:cubicBezTo>
                  <a:pt x="548826" y="590777"/>
                  <a:pt x="529151" y="592182"/>
                  <a:pt x="510179" y="592182"/>
                </a:cubicBezTo>
                <a:close/>
              </a:path>
            </a:pathLst>
          </a:custGeom>
          <a:solidFill>
            <a:schemeClr val="accent5"/>
          </a:solidFill>
          <a:ln w="25400" cap="flat">
            <a:solidFill>
              <a:schemeClr val="bg1"/>
            </a:solidFill>
            <a:prstDash val="solid"/>
            <a:miter/>
          </a:ln>
        </p:spPr>
        <p:txBody>
          <a:bodyPr rtlCol="0" anchor="ctr"/>
          <a:lstStyle/>
          <a:p>
            <a:endParaRPr lang="en-US" dirty="0"/>
          </a:p>
        </p:txBody>
      </p:sp>
      <p:cxnSp>
        <p:nvCxnSpPr>
          <p:cNvPr id="13" name="Elbow Connector 14">
            <a:extLst>
              <a:ext uri="{FF2B5EF4-FFF2-40B4-BE49-F238E27FC236}">
                <a16:creationId xmlns:a16="http://schemas.microsoft.com/office/drawing/2014/main" id="{1ADF520C-8261-474A-A01A-940817AC88AB}"/>
              </a:ext>
            </a:extLst>
          </p:cNvPr>
          <p:cNvCxnSpPr>
            <a:cxnSpLocks/>
          </p:cNvCxnSpPr>
          <p:nvPr/>
        </p:nvCxnSpPr>
        <p:spPr>
          <a:xfrm flipV="1">
            <a:off x="909022" y="5009214"/>
            <a:ext cx="2410351" cy="424656"/>
          </a:xfrm>
          <a:prstGeom prst="bentConnector3">
            <a:avLst>
              <a:gd name="adj1" fmla="val -13362"/>
            </a:avLst>
          </a:prstGeom>
          <a:ln w="25400">
            <a:solidFill>
              <a:schemeClr val="accent1">
                <a:alpha val="70000"/>
              </a:schemeClr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4" name="Group 13">
            <a:extLst>
              <a:ext uri="{FF2B5EF4-FFF2-40B4-BE49-F238E27FC236}">
                <a16:creationId xmlns:a16="http://schemas.microsoft.com/office/drawing/2014/main" id="{CA40BEA3-354E-47F1-858E-AC97BEEAE8D4}"/>
              </a:ext>
            </a:extLst>
          </p:cNvPr>
          <p:cNvGrpSpPr/>
          <p:nvPr/>
        </p:nvGrpSpPr>
        <p:grpSpPr>
          <a:xfrm>
            <a:off x="1082843" y="5279982"/>
            <a:ext cx="2896412" cy="851631"/>
            <a:chOff x="1418442" y="3789040"/>
            <a:chExt cx="2896412" cy="851631"/>
          </a:xfrm>
        </p:grpSpPr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E49C3BDD-659C-46AE-A6E9-D7B283F5B862}"/>
                </a:ext>
              </a:extLst>
            </p:cNvPr>
            <p:cNvSpPr txBox="1"/>
            <p:nvPr/>
          </p:nvSpPr>
          <p:spPr>
            <a:xfrm>
              <a:off x="1418442" y="3789040"/>
              <a:ext cx="2896412" cy="52322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latin typeface="Calibri" pitchFamily="34" charset="0"/>
                  <a:cs typeface="Calibri" pitchFamily="34" charset="0"/>
                </a:rPr>
                <a:t>Symbol and Characters Recognition : Application to Engineering Drawings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itchFamily="34" charset="0"/>
                <a:cs typeface="Calibri" pitchFamily="34" charset="0"/>
              </a:endParaRP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F4C6F4E4-6D0D-4B70-A06B-9B42EF9D5B5A}"/>
                </a:ext>
              </a:extLst>
            </p:cNvPr>
            <p:cNvSpPr txBox="1"/>
            <p:nvPr/>
          </p:nvSpPr>
          <p:spPr>
            <a:xfrm>
              <a:off x="2018484" y="4332894"/>
              <a:ext cx="2260029" cy="307777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ébastien Adam et al, 2000</a:t>
              </a:r>
              <a:endParaRPr lang="ko-KR" altLang="en-US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C6357DA9-19D4-4C6D-8893-570936FB8348}"/>
              </a:ext>
            </a:extLst>
          </p:cNvPr>
          <p:cNvGrpSpPr/>
          <p:nvPr/>
        </p:nvGrpSpPr>
        <p:grpSpPr>
          <a:xfrm>
            <a:off x="4548717" y="5279982"/>
            <a:ext cx="3071705" cy="830997"/>
            <a:chOff x="1418442" y="3789040"/>
            <a:chExt cx="2038788" cy="830997"/>
          </a:xfrm>
        </p:grpSpPr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8111D17D-DF26-4136-B902-5B8F94F3BD04}"/>
                </a:ext>
              </a:extLst>
            </p:cNvPr>
            <p:cNvSpPr txBox="1"/>
            <p:nvPr/>
          </p:nvSpPr>
          <p:spPr>
            <a:xfrm>
              <a:off x="1418442" y="3789040"/>
              <a:ext cx="2038788" cy="738664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latin typeface="Calibri" pitchFamily="34" charset="0"/>
                  <a:cs typeface="Calibri" pitchFamily="34" charset="0"/>
                </a:rPr>
                <a:t>Object Detection in Design Diagrams with Machine Learning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itchFamily="34" charset="0"/>
                <a:cs typeface="Calibri" pitchFamily="34" charset="0"/>
              </a:endParaRP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D2658D43-7D26-42F2-868D-345B3544743B}"/>
                </a:ext>
              </a:extLst>
            </p:cNvPr>
            <p:cNvSpPr txBox="1"/>
            <p:nvPr/>
          </p:nvSpPr>
          <p:spPr>
            <a:xfrm>
              <a:off x="1721477" y="4312260"/>
              <a:ext cx="1632125" cy="307777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Jukka K. </a:t>
              </a:r>
              <a:r>
                <a:rPr lang="en-US" altLang="ko-KR" sz="1400" dirty="0" err="1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Nurminen</a:t>
              </a:r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 et al, 2018</a:t>
              </a:r>
              <a:endParaRPr lang="ko-KR" altLang="en-US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B9D1E1B4-0D67-4CCA-B66B-A00F83F7562A}"/>
              </a:ext>
            </a:extLst>
          </p:cNvPr>
          <p:cNvGrpSpPr/>
          <p:nvPr/>
        </p:nvGrpSpPr>
        <p:grpSpPr>
          <a:xfrm>
            <a:off x="8161713" y="5279982"/>
            <a:ext cx="3112443" cy="1096817"/>
            <a:chOff x="1418442" y="3789040"/>
            <a:chExt cx="3112443" cy="1096817"/>
          </a:xfrm>
        </p:grpSpPr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4CA119EC-7441-4652-B307-04843BD04658}"/>
                </a:ext>
              </a:extLst>
            </p:cNvPr>
            <p:cNvSpPr txBox="1"/>
            <p:nvPr/>
          </p:nvSpPr>
          <p:spPr>
            <a:xfrm>
              <a:off x="1418442" y="3789040"/>
              <a:ext cx="2947444" cy="954107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latin typeface="Calibri" pitchFamily="34" charset="0"/>
                  <a:cs typeface="Calibri" pitchFamily="34" charset="0"/>
                </a:rPr>
                <a:t>A Deep Learning-Based Method to Detect Components from Scanned Structural Drawings for Reconstructing 3D Models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itchFamily="34" charset="0"/>
                <a:cs typeface="Calibri" pitchFamily="34" charset="0"/>
              </a:endParaRP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E9563722-3B1E-47C8-B7AA-4E493FB9CE88}"/>
                </a:ext>
              </a:extLst>
            </p:cNvPr>
            <p:cNvSpPr txBox="1"/>
            <p:nvPr/>
          </p:nvSpPr>
          <p:spPr>
            <a:xfrm>
              <a:off x="2486170" y="4578080"/>
              <a:ext cx="2044715" cy="307777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dirty="0" err="1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Yunfan</a:t>
              </a:r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 Zhao et al, 2020</a:t>
              </a:r>
              <a:endParaRPr lang="ko-KR" altLang="en-US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cxnSp>
        <p:nvCxnSpPr>
          <p:cNvPr id="23" name="Elbow Connector 30">
            <a:extLst>
              <a:ext uri="{FF2B5EF4-FFF2-40B4-BE49-F238E27FC236}">
                <a16:creationId xmlns:a16="http://schemas.microsoft.com/office/drawing/2014/main" id="{2379F85C-BBD7-4D76-9E5B-2FB8FD6296BD}"/>
              </a:ext>
            </a:extLst>
          </p:cNvPr>
          <p:cNvCxnSpPr>
            <a:cxnSpLocks/>
          </p:cNvCxnSpPr>
          <p:nvPr/>
        </p:nvCxnSpPr>
        <p:spPr>
          <a:xfrm flipV="1">
            <a:off x="4354559" y="4912968"/>
            <a:ext cx="1080138" cy="520902"/>
          </a:xfrm>
          <a:prstGeom prst="bentConnector3">
            <a:avLst>
              <a:gd name="adj1" fmla="val -22948"/>
            </a:avLst>
          </a:prstGeom>
          <a:ln w="25400">
            <a:solidFill>
              <a:schemeClr val="accent3">
                <a:alpha val="70000"/>
              </a:schemeClr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Elbow Connector 33">
            <a:extLst>
              <a:ext uri="{FF2B5EF4-FFF2-40B4-BE49-F238E27FC236}">
                <a16:creationId xmlns:a16="http://schemas.microsoft.com/office/drawing/2014/main" id="{B758394B-CB2A-47B2-B99E-7D11B7D9A8A7}"/>
              </a:ext>
            </a:extLst>
          </p:cNvPr>
          <p:cNvCxnSpPr>
            <a:cxnSpLocks/>
          </p:cNvCxnSpPr>
          <p:nvPr/>
        </p:nvCxnSpPr>
        <p:spPr>
          <a:xfrm rot="10800000">
            <a:off x="8321400" y="4912971"/>
            <a:ext cx="2875136" cy="844065"/>
          </a:xfrm>
          <a:prstGeom prst="bentConnector3">
            <a:avLst>
              <a:gd name="adj1" fmla="val -16653"/>
            </a:avLst>
          </a:prstGeom>
          <a:ln w="25400">
            <a:solidFill>
              <a:schemeClr val="accent5">
                <a:alpha val="70000"/>
              </a:schemeClr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5" name="Group 24">
            <a:extLst>
              <a:ext uri="{FF2B5EF4-FFF2-40B4-BE49-F238E27FC236}">
                <a16:creationId xmlns:a16="http://schemas.microsoft.com/office/drawing/2014/main" id="{9C132628-1B87-451C-BB7B-D89EBEBF31CE}"/>
              </a:ext>
            </a:extLst>
          </p:cNvPr>
          <p:cNvGrpSpPr/>
          <p:nvPr/>
        </p:nvGrpSpPr>
        <p:grpSpPr>
          <a:xfrm>
            <a:off x="2019074" y="1424130"/>
            <a:ext cx="2556772" cy="812104"/>
            <a:chOff x="1482689" y="3602097"/>
            <a:chExt cx="2556772" cy="812104"/>
          </a:xfrm>
        </p:grpSpPr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633F21C9-B5BC-4095-A853-F20F24E4EF2D}"/>
                </a:ext>
              </a:extLst>
            </p:cNvPr>
            <p:cNvSpPr txBox="1"/>
            <p:nvPr/>
          </p:nvSpPr>
          <p:spPr>
            <a:xfrm>
              <a:off x="1482689" y="3602097"/>
              <a:ext cx="2556772" cy="52322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latin typeface="Calibri" pitchFamily="34" charset="0"/>
                  <a:cs typeface="Calibri" pitchFamily="34" charset="0"/>
                </a:rPr>
                <a:t>Engineering Drawings Recognition Using a Case-based Approach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itchFamily="34" charset="0"/>
                <a:cs typeface="Calibri" pitchFamily="34" charset="0"/>
              </a:endParaRP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7DC5DDF2-DF42-4FC4-9B7E-D391F716EDE8}"/>
                </a:ext>
              </a:extLst>
            </p:cNvPr>
            <p:cNvSpPr txBox="1"/>
            <p:nvPr/>
          </p:nvSpPr>
          <p:spPr>
            <a:xfrm>
              <a:off x="1851268" y="4106424"/>
              <a:ext cx="2044715" cy="307777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Luo Yan et al, 2003</a:t>
              </a:r>
              <a:endParaRPr lang="ko-KR" altLang="en-US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cxnSp>
        <p:nvCxnSpPr>
          <p:cNvPr id="28" name="Elbow Connector 43">
            <a:extLst>
              <a:ext uri="{FF2B5EF4-FFF2-40B4-BE49-F238E27FC236}">
                <a16:creationId xmlns:a16="http://schemas.microsoft.com/office/drawing/2014/main" id="{2085084D-9491-4B46-871F-18ECA41711FA}"/>
              </a:ext>
            </a:extLst>
          </p:cNvPr>
          <p:cNvCxnSpPr/>
          <p:nvPr/>
        </p:nvCxnSpPr>
        <p:spPr>
          <a:xfrm>
            <a:off x="1767295" y="1764962"/>
            <a:ext cx="2542346" cy="854225"/>
          </a:xfrm>
          <a:prstGeom prst="bentConnector3">
            <a:avLst>
              <a:gd name="adj1" fmla="val -6919"/>
            </a:avLst>
          </a:prstGeom>
          <a:ln w="25400">
            <a:solidFill>
              <a:schemeClr val="accent2">
                <a:alpha val="70000"/>
              </a:schemeClr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9" name="Group 28">
            <a:extLst>
              <a:ext uri="{FF2B5EF4-FFF2-40B4-BE49-F238E27FC236}">
                <a16:creationId xmlns:a16="http://schemas.microsoft.com/office/drawing/2014/main" id="{61ECE028-58E4-4E68-A7C4-C6004DA2C01C}"/>
              </a:ext>
            </a:extLst>
          </p:cNvPr>
          <p:cNvGrpSpPr/>
          <p:nvPr/>
        </p:nvGrpSpPr>
        <p:grpSpPr>
          <a:xfrm>
            <a:off x="6916367" y="1538688"/>
            <a:ext cx="2753265" cy="838671"/>
            <a:chOff x="1418442" y="3789040"/>
            <a:chExt cx="2061264" cy="838671"/>
          </a:xfrm>
        </p:grpSpPr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4E02B60F-59E8-4C04-87D4-80001D210DA9}"/>
                </a:ext>
              </a:extLst>
            </p:cNvPr>
            <p:cNvSpPr txBox="1"/>
            <p:nvPr/>
          </p:nvSpPr>
          <p:spPr>
            <a:xfrm>
              <a:off x="1418442" y="3789040"/>
              <a:ext cx="2038788" cy="738664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latin typeface="Calibri" pitchFamily="34" charset="0"/>
                  <a:cs typeface="Calibri" pitchFamily="34" charset="0"/>
                </a:rPr>
                <a:t>Automatic Information Extraction from Piping and Instrumentation Diagrams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itchFamily="34" charset="0"/>
                <a:cs typeface="Calibri" pitchFamily="34" charset="0"/>
              </a:endParaRPr>
            </a:p>
          </p:txBody>
        </p: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5DDC783D-AC40-4A04-AC28-1A021DD8D256}"/>
                </a:ext>
              </a:extLst>
            </p:cNvPr>
            <p:cNvSpPr txBox="1"/>
            <p:nvPr/>
          </p:nvSpPr>
          <p:spPr>
            <a:xfrm>
              <a:off x="2198878" y="4319934"/>
              <a:ext cx="1280828" cy="307777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Rohit Rahul, 2019</a:t>
              </a:r>
              <a:endParaRPr lang="ko-KR" altLang="en-US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cxnSp>
        <p:nvCxnSpPr>
          <p:cNvPr id="32" name="Elbow Connector 55">
            <a:extLst>
              <a:ext uri="{FF2B5EF4-FFF2-40B4-BE49-F238E27FC236}">
                <a16:creationId xmlns:a16="http://schemas.microsoft.com/office/drawing/2014/main" id="{67A69DF5-F536-4184-9694-E80F89841402}"/>
              </a:ext>
            </a:extLst>
          </p:cNvPr>
          <p:cNvCxnSpPr>
            <a:cxnSpLocks/>
          </p:cNvCxnSpPr>
          <p:nvPr/>
        </p:nvCxnSpPr>
        <p:spPr>
          <a:xfrm flipV="1">
            <a:off x="6459166" y="1692578"/>
            <a:ext cx="3345181" cy="872116"/>
          </a:xfrm>
          <a:prstGeom prst="bentConnector3">
            <a:avLst>
              <a:gd name="adj1" fmla="val 110486"/>
            </a:avLst>
          </a:prstGeom>
          <a:ln w="25400">
            <a:solidFill>
              <a:schemeClr val="accent4">
                <a:alpha val="70000"/>
              </a:schemeClr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FBB1981F-9D0F-42BF-84F8-7196EDC532C4}"/>
              </a:ext>
            </a:extLst>
          </p:cNvPr>
          <p:cNvSpPr txBox="1"/>
          <p:nvPr/>
        </p:nvSpPr>
        <p:spPr>
          <a:xfrm>
            <a:off x="2724958" y="4303863"/>
            <a:ext cx="12011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accent2"/>
                </a:solidFill>
                <a:cs typeface="Arial" pitchFamily="34" charset="0"/>
              </a:rPr>
              <a:t>2000</a:t>
            </a:r>
            <a:endParaRPr lang="ko-KR" altLang="en-US" sz="2800" b="1" dirty="0">
              <a:solidFill>
                <a:schemeClr val="accent2"/>
              </a:solidFill>
              <a:cs typeface="Arial" pitchFamily="34" charset="0"/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8E1FA560-CE42-44CE-A8AE-4C8814BE529E}"/>
              </a:ext>
            </a:extLst>
          </p:cNvPr>
          <p:cNvSpPr txBox="1"/>
          <p:nvPr/>
        </p:nvSpPr>
        <p:spPr>
          <a:xfrm>
            <a:off x="4843869" y="4303863"/>
            <a:ext cx="12011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accent4"/>
                </a:solidFill>
                <a:cs typeface="Arial" pitchFamily="34" charset="0"/>
              </a:rPr>
              <a:t>2018</a:t>
            </a:r>
            <a:endParaRPr lang="ko-KR" altLang="en-US" sz="2800" b="1" dirty="0">
              <a:solidFill>
                <a:schemeClr val="accent4"/>
              </a:solidFill>
              <a:cs typeface="Arial" pitchFamily="34" charset="0"/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D1ACA858-56D0-406F-A257-F1E8EA6481D2}"/>
              </a:ext>
            </a:extLst>
          </p:cNvPr>
          <p:cNvSpPr txBox="1"/>
          <p:nvPr/>
        </p:nvSpPr>
        <p:spPr>
          <a:xfrm>
            <a:off x="6911773" y="4259028"/>
            <a:ext cx="12011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accent5"/>
                </a:solidFill>
                <a:cs typeface="Arial" pitchFamily="34" charset="0"/>
              </a:rPr>
              <a:t>2020</a:t>
            </a:r>
            <a:endParaRPr lang="ko-KR" altLang="en-US" sz="2800" b="1" dirty="0">
              <a:solidFill>
                <a:schemeClr val="accent5"/>
              </a:solidFill>
              <a:cs typeface="Arial" pitchFamily="34" charset="0"/>
            </a:endParaRP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626D214D-E295-44AA-97D6-6389CA1FCAED}"/>
              </a:ext>
            </a:extLst>
          </p:cNvPr>
          <p:cNvSpPr txBox="1"/>
          <p:nvPr/>
        </p:nvSpPr>
        <p:spPr>
          <a:xfrm>
            <a:off x="3782494" y="2708922"/>
            <a:ext cx="12011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accent2"/>
                </a:solidFill>
                <a:cs typeface="Arial" pitchFamily="34" charset="0"/>
              </a:rPr>
              <a:t>2003</a:t>
            </a:r>
            <a:endParaRPr lang="ko-KR" altLang="en-US" sz="2800" b="1" dirty="0">
              <a:solidFill>
                <a:schemeClr val="accent2"/>
              </a:solidFill>
              <a:cs typeface="Arial" pitchFamily="34" charset="0"/>
            </a:endParaRP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F390D6E0-A396-4A9A-93BF-E70A237B25BC}"/>
              </a:ext>
            </a:extLst>
          </p:cNvPr>
          <p:cNvSpPr txBox="1"/>
          <p:nvPr/>
        </p:nvSpPr>
        <p:spPr>
          <a:xfrm>
            <a:off x="5852362" y="2698496"/>
            <a:ext cx="12011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accent4"/>
                </a:solidFill>
                <a:cs typeface="Arial" pitchFamily="34" charset="0"/>
              </a:rPr>
              <a:t>2019</a:t>
            </a:r>
            <a:endParaRPr lang="ko-KR" altLang="en-US" sz="2800" b="1" dirty="0">
              <a:solidFill>
                <a:schemeClr val="accent4"/>
              </a:solidFill>
              <a:cs typeface="Arial" pitchFamily="34" charset="0"/>
            </a:endParaRPr>
          </a:p>
        </p:txBody>
      </p:sp>
      <p:grpSp>
        <p:nvGrpSpPr>
          <p:cNvPr id="41" name="Group 40">
            <a:extLst>
              <a:ext uri="{FF2B5EF4-FFF2-40B4-BE49-F238E27FC236}">
                <a16:creationId xmlns:a16="http://schemas.microsoft.com/office/drawing/2014/main" id="{0D6C610D-4CC7-47E1-801E-E6F6A77F2C3E}"/>
              </a:ext>
            </a:extLst>
          </p:cNvPr>
          <p:cNvGrpSpPr/>
          <p:nvPr/>
        </p:nvGrpSpPr>
        <p:grpSpPr>
          <a:xfrm>
            <a:off x="8615721" y="2990733"/>
            <a:ext cx="3192291" cy="810019"/>
            <a:chOff x="1418442" y="3789040"/>
            <a:chExt cx="3192291" cy="810019"/>
          </a:xfrm>
        </p:grpSpPr>
        <p:sp>
          <p:nvSpPr>
            <p:cNvPr id="42" name="TextBox 41">
              <a:extLst>
                <a:ext uri="{FF2B5EF4-FFF2-40B4-BE49-F238E27FC236}">
                  <a16:creationId xmlns:a16="http://schemas.microsoft.com/office/drawing/2014/main" id="{648B0C4E-B69F-433A-88EA-BBBF2105F40E}"/>
                </a:ext>
              </a:extLst>
            </p:cNvPr>
            <p:cNvSpPr txBox="1"/>
            <p:nvPr/>
          </p:nvSpPr>
          <p:spPr>
            <a:xfrm>
              <a:off x="1418442" y="3789040"/>
              <a:ext cx="2899710" cy="738664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latin typeface="Calibri" pitchFamily="34" charset="0"/>
                  <a:cs typeface="Calibri" pitchFamily="34" charset="0"/>
                </a:rPr>
                <a:t>Automatic Digitization of Engineering Diagrams using Deep Learning and Graph Search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itchFamily="34" charset="0"/>
                <a:cs typeface="Calibri" pitchFamily="34" charset="0"/>
              </a:endParaRPr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41CD6281-01EF-479B-B734-66182193E0D5}"/>
                </a:ext>
              </a:extLst>
            </p:cNvPr>
            <p:cNvSpPr txBox="1"/>
            <p:nvPr/>
          </p:nvSpPr>
          <p:spPr>
            <a:xfrm>
              <a:off x="2566018" y="4291282"/>
              <a:ext cx="2044715" cy="307777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en-US" altLang="ko-KR" sz="1400" dirty="0" err="1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Shouvik</a:t>
              </a:r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 Mani, 2020</a:t>
              </a:r>
              <a:endParaRPr lang="ko-KR" altLang="en-US" sz="1400" dirty="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</p:grpSp>
      <p:cxnSp>
        <p:nvCxnSpPr>
          <p:cNvPr id="44" name="Elbow Connector 55">
            <a:extLst>
              <a:ext uri="{FF2B5EF4-FFF2-40B4-BE49-F238E27FC236}">
                <a16:creationId xmlns:a16="http://schemas.microsoft.com/office/drawing/2014/main" id="{DEA38E9B-4819-46DD-9EAC-E64FA6B731BF}"/>
              </a:ext>
            </a:extLst>
          </p:cNvPr>
          <p:cNvCxnSpPr>
            <a:cxnSpLocks/>
            <a:endCxn id="42" idx="3"/>
          </p:cNvCxnSpPr>
          <p:nvPr/>
        </p:nvCxnSpPr>
        <p:spPr>
          <a:xfrm flipV="1">
            <a:off x="8619724" y="3360065"/>
            <a:ext cx="2895707" cy="848594"/>
          </a:xfrm>
          <a:prstGeom prst="bentConnector3">
            <a:avLst>
              <a:gd name="adj1" fmla="val 107894"/>
            </a:avLst>
          </a:prstGeom>
          <a:ln w="25400">
            <a:solidFill>
              <a:schemeClr val="accent4">
                <a:alpha val="70000"/>
              </a:schemeClr>
            </a:solidFill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2049129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D7DFE8D0-ECF9-41FB-B7B9-FB5C1A7B7E6E}"/>
              </a:ext>
            </a:extLst>
          </p:cNvPr>
          <p:cNvSpPr/>
          <p:nvPr/>
        </p:nvSpPr>
        <p:spPr>
          <a:xfrm>
            <a:off x="257175" y="245269"/>
            <a:ext cx="11677650" cy="6367462"/>
          </a:xfrm>
          <a:prstGeom prst="roundRect">
            <a:avLst>
              <a:gd name="adj" fmla="val 1203"/>
            </a:avLst>
          </a:prstGeom>
          <a:solidFill>
            <a:schemeClr val="tx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 Placeholder 10">
            <a:extLst>
              <a:ext uri="{FF2B5EF4-FFF2-40B4-BE49-F238E27FC236}">
                <a16:creationId xmlns:a16="http://schemas.microsoft.com/office/drawing/2014/main" id="{CCFF808D-EDF7-432E-A2FB-2D2699968C69}"/>
              </a:ext>
            </a:extLst>
          </p:cNvPr>
          <p:cNvSpPr txBox="1">
            <a:spLocks/>
          </p:cNvSpPr>
          <p:nvPr/>
        </p:nvSpPr>
        <p:spPr>
          <a:xfrm>
            <a:off x="498454" y="4564110"/>
            <a:ext cx="3644922" cy="1800226"/>
          </a:xfrm>
          <a:prstGeom prst="rect">
            <a:avLst/>
          </a:prstGeom>
          <a:noFill/>
        </p:spPr>
        <p:txBody>
          <a:bodyPr anchor="ctr"/>
          <a:lstStyle>
            <a:lvl1pPr marL="342900" indent="-3429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10000"/>
              </a:lnSpc>
              <a:buNone/>
            </a:pPr>
            <a:r>
              <a:rPr lang="en-US" altLang="ko-KR" sz="4800" b="1" dirty="0">
                <a:solidFill>
                  <a:schemeClr val="bg1"/>
                </a:solidFill>
                <a:cs typeface="Arial" pitchFamily="34" charset="0"/>
              </a:rPr>
              <a:t>Literature Review</a:t>
            </a:r>
          </a:p>
        </p:txBody>
      </p:sp>
      <p:grpSp>
        <p:nvGrpSpPr>
          <p:cNvPr id="4" name="그룹 3">
            <a:extLst>
              <a:ext uri="{FF2B5EF4-FFF2-40B4-BE49-F238E27FC236}">
                <a16:creationId xmlns:a16="http://schemas.microsoft.com/office/drawing/2014/main" id="{D29042A5-44CA-4E0F-A565-87BE5ED12FA0}"/>
              </a:ext>
            </a:extLst>
          </p:cNvPr>
          <p:cNvGrpSpPr/>
          <p:nvPr/>
        </p:nvGrpSpPr>
        <p:grpSpPr>
          <a:xfrm>
            <a:off x="8506800" y="998857"/>
            <a:ext cx="3186745" cy="3930098"/>
            <a:chOff x="4871863" y="1777141"/>
            <a:chExt cx="3630110" cy="3930098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D00F49B6-A618-4950-BC45-2C8D61F16939}"/>
                </a:ext>
              </a:extLst>
            </p:cNvPr>
            <p:cNvSpPr txBox="1"/>
            <p:nvPr/>
          </p:nvSpPr>
          <p:spPr>
            <a:xfrm>
              <a:off x="4871863" y="3245026"/>
              <a:ext cx="3630108" cy="246221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This paper utilized YOLO (You Only Look Once), one of modern Machine Learning technique for recognizing objects in P&amp;ID (Piping &amp; Instrumentation Diagram) – to experiment what is possible to done with YOLO in this activity</a:t>
              </a:r>
            </a:p>
            <a:p>
              <a:endParaRPr lang="en-US" altLang="ko-KR" sz="1400" dirty="0">
                <a:solidFill>
                  <a:schemeClr val="bg1"/>
                </a:solidFill>
                <a:cs typeface="Arial" pitchFamily="34" charset="0"/>
              </a:endParaRPr>
            </a:p>
            <a:p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Conclusion: YOLO works well with schematic diagrams, instead of just videos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71ABBC49-FBAD-40C0-ACD6-59EEAE1E9428}"/>
                </a:ext>
              </a:extLst>
            </p:cNvPr>
            <p:cNvSpPr txBox="1"/>
            <p:nvPr/>
          </p:nvSpPr>
          <p:spPr>
            <a:xfrm>
              <a:off x="4871865" y="1777141"/>
              <a:ext cx="3630108" cy="132343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b="1" dirty="0">
                  <a:solidFill>
                    <a:schemeClr val="bg1"/>
                  </a:solidFill>
                  <a:cs typeface="Arial" pitchFamily="34" charset="0"/>
                </a:rPr>
                <a:t>Paper 2</a:t>
              </a:r>
            </a:p>
            <a:p>
              <a:r>
                <a:rPr lang="en-US" altLang="ko-KR" sz="1600" b="1" dirty="0">
                  <a:solidFill>
                    <a:schemeClr val="bg1"/>
                  </a:solidFill>
                  <a:cs typeface="Arial" pitchFamily="34" charset="0"/>
                </a:rPr>
                <a:t>Object Detection in Design Diagrams with Machine Learning</a:t>
              </a:r>
            </a:p>
            <a:p>
              <a:r>
                <a:rPr lang="en-US" altLang="ko-KR" sz="1600" i="1" dirty="0">
                  <a:solidFill>
                    <a:schemeClr val="bg1"/>
                  </a:solidFill>
                  <a:cs typeface="Arial" pitchFamily="34" charset="0"/>
                </a:rPr>
                <a:t>Jukka K. </a:t>
              </a:r>
              <a:r>
                <a:rPr lang="en-US" altLang="ko-KR" sz="1600" i="1" dirty="0" err="1">
                  <a:solidFill>
                    <a:schemeClr val="bg1"/>
                  </a:solidFill>
                  <a:cs typeface="Arial" pitchFamily="34" charset="0"/>
                </a:rPr>
                <a:t>Nurminen</a:t>
              </a:r>
              <a:r>
                <a:rPr lang="en-US" altLang="ko-KR" sz="1600" i="1" dirty="0">
                  <a:solidFill>
                    <a:schemeClr val="bg1"/>
                  </a:solidFill>
                  <a:cs typeface="Arial" pitchFamily="34" charset="0"/>
                </a:rPr>
                <a:t> et al, 2018</a:t>
              </a:r>
              <a:endParaRPr lang="ko-KR" altLang="en-US" sz="1600" i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grpSp>
        <p:nvGrpSpPr>
          <p:cNvPr id="7" name="그룹 2">
            <a:extLst>
              <a:ext uri="{FF2B5EF4-FFF2-40B4-BE49-F238E27FC236}">
                <a16:creationId xmlns:a16="http://schemas.microsoft.com/office/drawing/2014/main" id="{CE348A2F-9403-45B5-98CA-A7C6059D3F6E}"/>
              </a:ext>
            </a:extLst>
          </p:cNvPr>
          <p:cNvGrpSpPr/>
          <p:nvPr/>
        </p:nvGrpSpPr>
        <p:grpSpPr>
          <a:xfrm>
            <a:off x="4722415" y="897082"/>
            <a:ext cx="3784386" cy="5441215"/>
            <a:chOff x="822206" y="1777142"/>
            <a:chExt cx="3630109" cy="5441215"/>
          </a:xfrm>
        </p:grpSpPr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CD02CCD4-2B53-4F0A-B994-02ACD5F0E09D}"/>
                </a:ext>
              </a:extLst>
            </p:cNvPr>
            <p:cNvSpPr txBox="1"/>
            <p:nvPr/>
          </p:nvSpPr>
          <p:spPr>
            <a:xfrm>
              <a:off x="822207" y="1777142"/>
              <a:ext cx="3630108" cy="156966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b="1" dirty="0">
                  <a:solidFill>
                    <a:schemeClr val="bg1"/>
                  </a:solidFill>
                  <a:cs typeface="Arial" pitchFamily="34" charset="0"/>
                </a:rPr>
                <a:t>Paper 1</a:t>
              </a:r>
            </a:p>
            <a:p>
              <a:r>
                <a:rPr lang="en-US" altLang="ko-KR" sz="1600" b="1" dirty="0">
                  <a:solidFill>
                    <a:schemeClr val="bg1"/>
                  </a:solidFill>
                  <a:cs typeface="Arial" pitchFamily="34" charset="0"/>
                </a:rPr>
                <a:t>Engineering Drawings Recognition Using a Case-based Approach</a:t>
              </a:r>
            </a:p>
            <a:p>
              <a:r>
                <a:rPr lang="da-DK" altLang="ko-KR" sz="1600" i="1" dirty="0">
                  <a:solidFill>
                    <a:schemeClr val="bg1"/>
                  </a:solidFill>
                  <a:cs typeface="Arial" pitchFamily="34" charset="0"/>
                </a:rPr>
                <a:t>Luo Yan et al, 2003</a:t>
              </a:r>
            </a:p>
            <a:p>
              <a:endParaRPr lang="en-US" altLang="ko-KR" sz="16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B2E1D5D6-081E-48CF-BB80-678EB89F248F}"/>
                </a:ext>
              </a:extLst>
            </p:cNvPr>
            <p:cNvSpPr txBox="1"/>
            <p:nvPr/>
          </p:nvSpPr>
          <p:spPr>
            <a:xfrm>
              <a:off x="822206" y="2817152"/>
              <a:ext cx="3630108" cy="440120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The paper proposed a new framework for engineering drawing recognition using case-based approach.</a:t>
              </a:r>
            </a:p>
            <a:p>
              <a:endParaRPr lang="en-US" altLang="ko-KR" sz="1400" dirty="0">
                <a:solidFill>
                  <a:schemeClr val="bg1"/>
                </a:solidFill>
                <a:cs typeface="Arial" pitchFamily="34" charset="0"/>
              </a:endParaRPr>
            </a:p>
            <a:p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The objective and main achievement is to reduce human involvement in the data preparation and model training.</a:t>
              </a:r>
            </a:p>
            <a:p>
              <a:endParaRPr lang="en-US" altLang="ko-KR" sz="1400" dirty="0">
                <a:solidFill>
                  <a:schemeClr val="bg1"/>
                </a:solidFill>
                <a:cs typeface="Arial" pitchFamily="34" charset="0"/>
              </a:endParaRPr>
            </a:p>
            <a:p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They break down engineering drawings into three levels:</a:t>
              </a:r>
            </a:p>
            <a:p>
              <a:pPr marL="228600" indent="-228600">
                <a:buAutoNum type="arabicPeriod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Low level graphic primitives</a:t>
              </a:r>
            </a:p>
            <a:p>
              <a:pPr marL="228600" indent="-228600">
                <a:buAutoNum type="arabicPeriod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High-level graphic objects</a:t>
              </a:r>
            </a:p>
            <a:p>
              <a:pPr marL="228600" indent="-228600">
                <a:buAutoNum type="arabicPeriod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Higher-level intelligent interpretation &amp; analysis</a:t>
              </a:r>
            </a:p>
            <a:p>
              <a:pPr marL="228600" indent="-228600">
                <a:buAutoNum type="arabicPeriod"/>
              </a:pPr>
              <a:endParaRPr lang="en-US" altLang="ko-KR" sz="1400" dirty="0">
                <a:solidFill>
                  <a:schemeClr val="bg1"/>
                </a:solidFill>
                <a:cs typeface="Arial" pitchFamily="34" charset="0"/>
              </a:endParaRPr>
            </a:p>
            <a:p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Low level objects:</a:t>
              </a:r>
            </a:p>
            <a:p>
              <a:pPr marL="171450" indent="-171450">
                <a:buFontTx/>
                <a:buChar char="-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Intersections</a:t>
              </a:r>
            </a:p>
            <a:p>
              <a:pPr marL="171450" indent="-171450">
                <a:buFontTx/>
                <a:buChar char="-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Parallelisms</a:t>
              </a:r>
            </a:p>
            <a:p>
              <a:pPr marL="171450" indent="-171450">
                <a:buFontTx/>
                <a:buChar char="-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Perpendicularity</a:t>
              </a:r>
            </a:p>
            <a:p>
              <a:pPr marL="171450" indent="-171450">
                <a:buFontTx/>
                <a:buChar char="-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Circles and arcs</a:t>
              </a:r>
            </a:p>
          </p:txBody>
        </p:sp>
      </p:grpSp>
      <p:pic>
        <p:nvPicPr>
          <p:cNvPr id="10" name="Picture 9">
            <a:extLst>
              <a:ext uri="{FF2B5EF4-FFF2-40B4-BE49-F238E27FC236}">
                <a16:creationId xmlns:a16="http://schemas.microsoft.com/office/drawing/2014/main" id="{DA084AF4-564B-423F-B0CB-906EB19F180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06800" y="5070170"/>
            <a:ext cx="3315937" cy="12941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625234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D7DFE8D0-ECF9-41FB-B7B9-FB5C1A7B7E6E}"/>
              </a:ext>
            </a:extLst>
          </p:cNvPr>
          <p:cNvSpPr/>
          <p:nvPr/>
        </p:nvSpPr>
        <p:spPr>
          <a:xfrm>
            <a:off x="257175" y="245269"/>
            <a:ext cx="11677650" cy="6367462"/>
          </a:xfrm>
          <a:prstGeom prst="roundRect">
            <a:avLst>
              <a:gd name="adj" fmla="val 1203"/>
            </a:avLst>
          </a:prstGeom>
          <a:solidFill>
            <a:schemeClr val="tx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 Placeholder 10">
            <a:extLst>
              <a:ext uri="{FF2B5EF4-FFF2-40B4-BE49-F238E27FC236}">
                <a16:creationId xmlns:a16="http://schemas.microsoft.com/office/drawing/2014/main" id="{CCFF808D-EDF7-432E-A2FB-2D2699968C69}"/>
              </a:ext>
            </a:extLst>
          </p:cNvPr>
          <p:cNvSpPr txBox="1">
            <a:spLocks/>
          </p:cNvSpPr>
          <p:nvPr/>
        </p:nvSpPr>
        <p:spPr>
          <a:xfrm>
            <a:off x="498454" y="4564110"/>
            <a:ext cx="3644922" cy="1800226"/>
          </a:xfrm>
          <a:prstGeom prst="rect">
            <a:avLst/>
          </a:prstGeom>
          <a:noFill/>
        </p:spPr>
        <p:txBody>
          <a:bodyPr anchor="ctr"/>
          <a:lstStyle>
            <a:lvl1pPr marL="342900" indent="-3429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10000"/>
              </a:lnSpc>
              <a:buNone/>
            </a:pPr>
            <a:r>
              <a:rPr lang="en-US" altLang="ko-KR" sz="4800" b="1" dirty="0">
                <a:solidFill>
                  <a:schemeClr val="bg1"/>
                </a:solidFill>
                <a:cs typeface="Arial" pitchFamily="34" charset="0"/>
              </a:rPr>
              <a:t>Literature Review</a:t>
            </a:r>
          </a:p>
        </p:txBody>
      </p:sp>
      <p:grpSp>
        <p:nvGrpSpPr>
          <p:cNvPr id="4" name="그룹 3">
            <a:extLst>
              <a:ext uri="{FF2B5EF4-FFF2-40B4-BE49-F238E27FC236}">
                <a16:creationId xmlns:a16="http://schemas.microsoft.com/office/drawing/2014/main" id="{D29042A5-44CA-4E0F-A565-87BE5ED12FA0}"/>
              </a:ext>
            </a:extLst>
          </p:cNvPr>
          <p:cNvGrpSpPr/>
          <p:nvPr/>
        </p:nvGrpSpPr>
        <p:grpSpPr>
          <a:xfrm>
            <a:off x="8506801" y="998857"/>
            <a:ext cx="3186744" cy="2907196"/>
            <a:chOff x="4871864" y="1777141"/>
            <a:chExt cx="3630109" cy="2907196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D00F49B6-A618-4950-BC45-2C8D61F16939}"/>
                </a:ext>
              </a:extLst>
            </p:cNvPr>
            <p:cNvSpPr txBox="1"/>
            <p:nvPr/>
          </p:nvSpPr>
          <p:spPr>
            <a:xfrm>
              <a:off x="4871864" y="3730230"/>
              <a:ext cx="3630108" cy="9541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The paper aims to reconstructing 3D models based on scanned structural drawings. They uses YOLO algorithm for scanning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71ABBC49-FBAD-40C0-ACD6-59EEAE1E9428}"/>
                </a:ext>
              </a:extLst>
            </p:cNvPr>
            <p:cNvSpPr txBox="1"/>
            <p:nvPr/>
          </p:nvSpPr>
          <p:spPr>
            <a:xfrm>
              <a:off x="4871865" y="1777141"/>
              <a:ext cx="3630108" cy="181588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b="1" dirty="0">
                  <a:solidFill>
                    <a:schemeClr val="bg1"/>
                  </a:solidFill>
                  <a:cs typeface="Arial" pitchFamily="34" charset="0"/>
                </a:rPr>
                <a:t>Paper 4</a:t>
              </a:r>
            </a:p>
            <a:p>
              <a:r>
                <a:rPr lang="en-US" altLang="ko-KR" sz="1600" b="1" dirty="0">
                  <a:solidFill>
                    <a:schemeClr val="bg1"/>
                  </a:solidFill>
                  <a:cs typeface="Arial" pitchFamily="34" charset="0"/>
                </a:rPr>
                <a:t>A Deep Learning-Based Method to Detect Components from Scanned Structural Drawings for Reconstructing 3D Models</a:t>
              </a:r>
            </a:p>
            <a:p>
              <a:r>
                <a:rPr lang="fr-FR" altLang="ko-KR" sz="1600" i="1" dirty="0" err="1">
                  <a:solidFill>
                    <a:schemeClr val="bg1"/>
                  </a:solidFill>
                  <a:cs typeface="Arial" pitchFamily="34" charset="0"/>
                </a:rPr>
                <a:t>Yunfan</a:t>
              </a:r>
              <a:r>
                <a:rPr lang="fr-FR" altLang="ko-KR" sz="1600" i="1" dirty="0">
                  <a:solidFill>
                    <a:schemeClr val="bg1"/>
                  </a:solidFill>
                  <a:cs typeface="Arial" pitchFamily="34" charset="0"/>
                </a:rPr>
                <a:t> Zhao et al, 2020</a:t>
              </a:r>
            </a:p>
          </p:txBody>
        </p:sp>
      </p:grpSp>
      <p:grpSp>
        <p:nvGrpSpPr>
          <p:cNvPr id="7" name="그룹 2">
            <a:extLst>
              <a:ext uri="{FF2B5EF4-FFF2-40B4-BE49-F238E27FC236}">
                <a16:creationId xmlns:a16="http://schemas.microsoft.com/office/drawing/2014/main" id="{CE348A2F-9403-45B5-98CA-A7C6059D3F6E}"/>
              </a:ext>
            </a:extLst>
          </p:cNvPr>
          <p:cNvGrpSpPr/>
          <p:nvPr/>
        </p:nvGrpSpPr>
        <p:grpSpPr>
          <a:xfrm>
            <a:off x="4863503" y="1003995"/>
            <a:ext cx="3186744" cy="3943633"/>
            <a:chOff x="822206" y="1777142"/>
            <a:chExt cx="3630109" cy="3943633"/>
          </a:xfrm>
        </p:grpSpPr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CD02CCD4-2B53-4F0A-B994-02ACD5F0E09D}"/>
                </a:ext>
              </a:extLst>
            </p:cNvPr>
            <p:cNvSpPr txBox="1"/>
            <p:nvPr/>
          </p:nvSpPr>
          <p:spPr>
            <a:xfrm>
              <a:off x="822207" y="1777142"/>
              <a:ext cx="3630108" cy="132343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b="1" dirty="0">
                  <a:solidFill>
                    <a:schemeClr val="bg1"/>
                  </a:solidFill>
                  <a:cs typeface="Arial" pitchFamily="34" charset="0"/>
                </a:rPr>
                <a:t>Paper 3</a:t>
              </a:r>
            </a:p>
            <a:p>
              <a:r>
                <a:rPr lang="en-US" altLang="ko-KR" sz="1600" b="1" dirty="0">
                  <a:solidFill>
                    <a:schemeClr val="bg1"/>
                  </a:solidFill>
                  <a:cs typeface="Arial" pitchFamily="34" charset="0"/>
                </a:rPr>
                <a:t>Automatic Information Extraction from Piping and Instrumentation Diagrams</a:t>
              </a:r>
            </a:p>
            <a:p>
              <a:r>
                <a:rPr lang="en-US" altLang="ko-KR" sz="1600" i="1" dirty="0">
                  <a:solidFill>
                    <a:schemeClr val="bg1"/>
                  </a:solidFill>
                  <a:cs typeface="Arial" pitchFamily="34" charset="0"/>
                </a:rPr>
                <a:t>Rohit Rahul et al, 2019</a:t>
              </a:r>
              <a:endParaRPr lang="ko-KR" altLang="en-US" sz="1600" i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B2E1D5D6-081E-48CF-BB80-678EB89F248F}"/>
                </a:ext>
              </a:extLst>
            </p:cNvPr>
            <p:cNvSpPr txBox="1"/>
            <p:nvPr/>
          </p:nvSpPr>
          <p:spPr>
            <a:xfrm>
              <a:off x="822206" y="3258562"/>
              <a:ext cx="3630108" cy="246221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This paper claims to be the first system that performs end-to-end data extraction from P&amp;ID. This includes object detection and the association between object detected to produce a “tree-like” structure.</a:t>
              </a:r>
            </a:p>
            <a:p>
              <a:endParaRPr lang="en-US" altLang="ko-KR" sz="1400" dirty="0">
                <a:solidFill>
                  <a:schemeClr val="bg1"/>
                </a:solidFill>
                <a:cs typeface="Arial" pitchFamily="34" charset="0"/>
              </a:endParaRP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Tag-to-Pipeline Associ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Pipeline Code-to-Pipeline Associ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altLang="ko-KR" sz="1400" dirty="0">
                  <a:solidFill>
                    <a:schemeClr val="bg1"/>
                  </a:solidFill>
                  <a:cs typeface="Arial" pitchFamily="34" charset="0"/>
                </a:rPr>
                <a:t>Symbols-to-Pipeline Association</a:t>
              </a:r>
            </a:p>
          </p:txBody>
        </p:sp>
      </p:grpSp>
      <p:pic>
        <p:nvPicPr>
          <p:cNvPr id="10" name="Picture 9">
            <a:extLst>
              <a:ext uri="{FF2B5EF4-FFF2-40B4-BE49-F238E27FC236}">
                <a16:creationId xmlns:a16="http://schemas.microsoft.com/office/drawing/2014/main" id="{EF3A0E3C-7C05-44A4-AFD4-65355D7096F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93710" y="5185847"/>
            <a:ext cx="2726328" cy="133631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33E3E2B4-AB53-45AE-AD53-9ABCB706E82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70459" y="4247306"/>
            <a:ext cx="2726328" cy="1856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95088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22EACE2C-F0BB-4B26-BDA0-E1B66FC049A7}"/>
              </a:ext>
            </a:extLst>
          </p:cNvPr>
          <p:cNvSpPr txBox="1"/>
          <p:nvPr/>
        </p:nvSpPr>
        <p:spPr>
          <a:xfrm>
            <a:off x="6848475" y="3037886"/>
            <a:ext cx="5221991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altLang="ko-KR" sz="3600" b="1" dirty="0">
                <a:solidFill>
                  <a:schemeClr val="bg1"/>
                </a:solidFill>
                <a:latin typeface="+mj-lt"/>
                <a:cs typeface="Arial" pitchFamily="34" charset="0"/>
              </a:rPr>
              <a:t>04 Scope &amp; Objective</a:t>
            </a:r>
            <a:endParaRPr lang="ko-KR" altLang="en-US" sz="3600" b="1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8844963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3" name="Picture 32">
            <a:extLst>
              <a:ext uri="{FF2B5EF4-FFF2-40B4-BE49-F238E27FC236}">
                <a16:creationId xmlns:a16="http://schemas.microsoft.com/office/drawing/2014/main" id="{ADE4AA60-FC25-4219-AFF4-E05121840B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41703" y="238797"/>
            <a:ext cx="1400517" cy="865436"/>
          </a:xfrm>
          <a:prstGeom prst="rect">
            <a:avLst/>
          </a:prstGeom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EB0FDF72-2327-4AC0-BB45-DCABB929249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327176" y="423494"/>
            <a:ext cx="1816700" cy="830836"/>
          </a:xfrm>
          <a:prstGeom prst="rect">
            <a:avLst/>
          </a:prstGeom>
        </p:spPr>
      </p:pic>
      <p:pic>
        <p:nvPicPr>
          <p:cNvPr id="34" name="Content Placeholder 7">
            <a:extLst>
              <a:ext uri="{FF2B5EF4-FFF2-40B4-BE49-F238E27FC236}">
                <a16:creationId xmlns:a16="http://schemas.microsoft.com/office/drawing/2014/main" id="{399F2521-F48C-43F7-944C-41CBA5AE8FE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84427" y="1225690"/>
            <a:ext cx="1522932" cy="954107"/>
          </a:xfrm>
          <a:prstGeom prst="rect">
            <a:avLst/>
          </a:prstGeom>
        </p:spPr>
      </p:pic>
      <p:pic>
        <p:nvPicPr>
          <p:cNvPr id="36" name="Picture 35">
            <a:extLst>
              <a:ext uri="{FF2B5EF4-FFF2-40B4-BE49-F238E27FC236}">
                <a16:creationId xmlns:a16="http://schemas.microsoft.com/office/drawing/2014/main" id="{8FAA1C76-40B3-43DE-B065-F9022BB125A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685233" y="1483675"/>
            <a:ext cx="1333739" cy="830836"/>
          </a:xfrm>
          <a:prstGeom prst="rect">
            <a:avLst/>
          </a:prstGeom>
        </p:spPr>
      </p:pic>
      <p:grpSp>
        <p:nvGrpSpPr>
          <p:cNvPr id="18" name="Group 17">
            <a:extLst>
              <a:ext uri="{FF2B5EF4-FFF2-40B4-BE49-F238E27FC236}">
                <a16:creationId xmlns:a16="http://schemas.microsoft.com/office/drawing/2014/main" id="{40B81192-FF30-494C-AE36-511FFA8CCA69}"/>
              </a:ext>
            </a:extLst>
          </p:cNvPr>
          <p:cNvGrpSpPr/>
          <p:nvPr/>
        </p:nvGrpSpPr>
        <p:grpSpPr>
          <a:xfrm>
            <a:off x="8077912" y="2632104"/>
            <a:ext cx="3214643" cy="3716680"/>
            <a:chOff x="4125210" y="1802423"/>
            <a:chExt cx="3954428" cy="4571999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4C1AD90B-E89A-4228-BB5D-32EF4BB96710}"/>
                </a:ext>
              </a:extLst>
            </p:cNvPr>
            <p:cNvGrpSpPr/>
            <p:nvPr/>
          </p:nvGrpSpPr>
          <p:grpSpPr>
            <a:xfrm>
              <a:off x="4125210" y="3947746"/>
              <a:ext cx="3954428" cy="2426676"/>
              <a:chOff x="4125210" y="3947746"/>
              <a:chExt cx="3954428" cy="2426676"/>
            </a:xfrm>
            <a:solidFill>
              <a:schemeClr val="accent4"/>
            </a:solidFill>
          </p:grpSpPr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27609D28-DF4B-497D-BE9A-537960EDC953}"/>
                  </a:ext>
                </a:extLst>
              </p:cNvPr>
              <p:cNvSpPr/>
              <p:nvPr/>
            </p:nvSpPr>
            <p:spPr>
              <a:xfrm>
                <a:off x="5803486" y="3947746"/>
                <a:ext cx="597877" cy="1156073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526EC58B-864B-49B0-8567-850D52CCD139}"/>
                  </a:ext>
                </a:extLst>
              </p:cNvPr>
              <p:cNvSpPr/>
              <p:nvPr/>
            </p:nvSpPr>
            <p:spPr>
              <a:xfrm>
                <a:off x="4125210" y="4897315"/>
                <a:ext cx="3954428" cy="1477107"/>
              </a:xfrm>
              <a:prstGeom prst="ellips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E2796397-C9F4-4DA8-B7A6-1349395E5117}"/>
                </a:ext>
              </a:extLst>
            </p:cNvPr>
            <p:cNvSpPr/>
            <p:nvPr/>
          </p:nvSpPr>
          <p:spPr>
            <a:xfrm>
              <a:off x="4580792" y="1802423"/>
              <a:ext cx="3047335" cy="2778367"/>
            </a:xfrm>
            <a:custGeom>
              <a:avLst/>
              <a:gdLst>
                <a:gd name="connsiteX0" fmla="*/ 2686434 w 3047335"/>
                <a:gd name="connsiteY0" fmla="*/ 649222 h 2778367"/>
                <a:gd name="connsiteX1" fmla="*/ 2480724 w 3047335"/>
                <a:gd name="connsiteY1" fmla="*/ 868916 h 2778367"/>
                <a:gd name="connsiteX2" fmla="*/ 2831980 w 3047335"/>
                <a:gd name="connsiteY2" fmla="*/ 868916 h 2778367"/>
                <a:gd name="connsiteX3" fmla="*/ 2831980 w 3047335"/>
                <a:gd name="connsiteY3" fmla="*/ 866747 h 2778367"/>
                <a:gd name="connsiteX4" fmla="*/ 2939658 w 3047335"/>
                <a:gd name="connsiteY4" fmla="*/ 759069 h 2778367"/>
                <a:gd name="connsiteX5" fmla="*/ 2831980 w 3047335"/>
                <a:gd name="connsiteY5" fmla="*/ 651391 h 2778367"/>
                <a:gd name="connsiteX6" fmla="*/ 2831980 w 3047335"/>
                <a:gd name="connsiteY6" fmla="*/ 649222 h 2778367"/>
                <a:gd name="connsiteX7" fmla="*/ 32816 w 3047335"/>
                <a:gd name="connsiteY7" fmla="*/ 0 h 2778367"/>
                <a:gd name="connsiteX8" fmla="*/ 2993848 w 3047335"/>
                <a:gd name="connsiteY8" fmla="*/ 0 h 2778367"/>
                <a:gd name="connsiteX9" fmla="*/ 3026664 w 3047335"/>
                <a:gd name="connsiteY9" fmla="*/ 32816 h 2778367"/>
                <a:gd name="connsiteX10" fmla="*/ 3026664 w 3047335"/>
                <a:gd name="connsiteY10" fmla="*/ 285864 h 2778367"/>
                <a:gd name="connsiteX11" fmla="*/ 3026664 w 3047335"/>
                <a:gd name="connsiteY11" fmla="*/ 290147 h 2778367"/>
                <a:gd name="connsiteX12" fmla="*/ 3022654 w 3047335"/>
                <a:gd name="connsiteY12" fmla="*/ 290147 h 2778367"/>
                <a:gd name="connsiteX13" fmla="*/ 2785226 w 3047335"/>
                <a:gd name="connsiteY13" fmla="*/ 543714 h 2778367"/>
                <a:gd name="connsiteX14" fmla="*/ 2831980 w 3047335"/>
                <a:gd name="connsiteY14" fmla="*/ 543714 h 2778367"/>
                <a:gd name="connsiteX15" fmla="*/ 2834863 w 3047335"/>
                <a:gd name="connsiteY15" fmla="*/ 543714 h 2778367"/>
                <a:gd name="connsiteX16" fmla="*/ 2834863 w 3047335"/>
                <a:gd name="connsiteY16" fmla="*/ 544005 h 2778367"/>
                <a:gd name="connsiteX17" fmla="*/ 2875382 w 3047335"/>
                <a:gd name="connsiteY17" fmla="*/ 548089 h 2778367"/>
                <a:gd name="connsiteX18" fmla="*/ 3047335 w 3047335"/>
                <a:gd name="connsiteY18" fmla="*/ 759069 h 2778367"/>
                <a:gd name="connsiteX19" fmla="*/ 2875382 w 3047335"/>
                <a:gd name="connsiteY19" fmla="*/ 970049 h 2778367"/>
                <a:gd name="connsiteX20" fmla="*/ 2834863 w 3047335"/>
                <a:gd name="connsiteY20" fmla="*/ 974134 h 2778367"/>
                <a:gd name="connsiteX21" fmla="*/ 2834863 w 3047335"/>
                <a:gd name="connsiteY21" fmla="*/ 974424 h 2778367"/>
                <a:gd name="connsiteX22" fmla="*/ 2831980 w 3047335"/>
                <a:gd name="connsiteY22" fmla="*/ 974424 h 2778367"/>
                <a:gd name="connsiteX23" fmla="*/ 2381931 w 3047335"/>
                <a:gd name="connsiteY23" fmla="*/ 974424 h 2778367"/>
                <a:gd name="connsiteX24" fmla="*/ 1891751 w 3047335"/>
                <a:gd name="connsiteY24" fmla="*/ 1497925 h 2778367"/>
                <a:gd name="connsiteX25" fmla="*/ 1891751 w 3047335"/>
                <a:gd name="connsiteY25" fmla="*/ 2250406 h 2778367"/>
                <a:gd name="connsiteX26" fmla="*/ 1142998 w 3047335"/>
                <a:gd name="connsiteY26" fmla="*/ 2778367 h 2778367"/>
                <a:gd name="connsiteX27" fmla="*/ 1142998 w 3047335"/>
                <a:gd name="connsiteY27" fmla="*/ 1506560 h 2778367"/>
                <a:gd name="connsiteX28" fmla="*/ 4010 w 3047335"/>
                <a:gd name="connsiteY28" fmla="*/ 290147 h 2778367"/>
                <a:gd name="connsiteX29" fmla="*/ 0 w 3047335"/>
                <a:gd name="connsiteY29" fmla="*/ 290147 h 2778367"/>
                <a:gd name="connsiteX30" fmla="*/ 0 w 3047335"/>
                <a:gd name="connsiteY30" fmla="*/ 285864 h 2778367"/>
                <a:gd name="connsiteX31" fmla="*/ 0 w 3047335"/>
                <a:gd name="connsiteY31" fmla="*/ 32816 h 2778367"/>
                <a:gd name="connsiteX32" fmla="*/ 32816 w 3047335"/>
                <a:gd name="connsiteY32" fmla="*/ 0 h 27783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3047335" h="2778367">
                  <a:moveTo>
                    <a:pt x="2686434" y="649222"/>
                  </a:moveTo>
                  <a:lnTo>
                    <a:pt x="2480724" y="868916"/>
                  </a:lnTo>
                  <a:lnTo>
                    <a:pt x="2831980" y="868916"/>
                  </a:lnTo>
                  <a:lnTo>
                    <a:pt x="2831980" y="866747"/>
                  </a:lnTo>
                  <a:cubicBezTo>
                    <a:pt x="2891449" y="866747"/>
                    <a:pt x="2939658" y="818538"/>
                    <a:pt x="2939658" y="759069"/>
                  </a:cubicBezTo>
                  <a:cubicBezTo>
                    <a:pt x="2939658" y="699600"/>
                    <a:pt x="2891449" y="651391"/>
                    <a:pt x="2831980" y="651391"/>
                  </a:cubicBezTo>
                  <a:lnTo>
                    <a:pt x="2831980" y="649222"/>
                  </a:lnTo>
                  <a:close/>
                  <a:moveTo>
                    <a:pt x="32816" y="0"/>
                  </a:moveTo>
                  <a:lnTo>
                    <a:pt x="2993848" y="0"/>
                  </a:lnTo>
                  <a:cubicBezTo>
                    <a:pt x="3011972" y="0"/>
                    <a:pt x="3026664" y="14692"/>
                    <a:pt x="3026664" y="32816"/>
                  </a:cubicBezTo>
                  <a:lnTo>
                    <a:pt x="3026664" y="285864"/>
                  </a:lnTo>
                  <a:lnTo>
                    <a:pt x="3026664" y="290147"/>
                  </a:lnTo>
                  <a:lnTo>
                    <a:pt x="3022654" y="290147"/>
                  </a:lnTo>
                  <a:lnTo>
                    <a:pt x="2785226" y="543714"/>
                  </a:lnTo>
                  <a:lnTo>
                    <a:pt x="2831980" y="543714"/>
                  </a:lnTo>
                  <a:lnTo>
                    <a:pt x="2834863" y="543714"/>
                  </a:lnTo>
                  <a:lnTo>
                    <a:pt x="2834863" y="544005"/>
                  </a:lnTo>
                  <a:lnTo>
                    <a:pt x="2875382" y="548089"/>
                  </a:lnTo>
                  <a:cubicBezTo>
                    <a:pt x="2973515" y="568170"/>
                    <a:pt x="3047335" y="654999"/>
                    <a:pt x="3047335" y="759069"/>
                  </a:cubicBezTo>
                  <a:cubicBezTo>
                    <a:pt x="3047335" y="863139"/>
                    <a:pt x="2973515" y="949968"/>
                    <a:pt x="2875382" y="970049"/>
                  </a:cubicBezTo>
                  <a:lnTo>
                    <a:pt x="2834863" y="974134"/>
                  </a:lnTo>
                  <a:lnTo>
                    <a:pt x="2834863" y="974424"/>
                  </a:lnTo>
                  <a:lnTo>
                    <a:pt x="2831980" y="974424"/>
                  </a:lnTo>
                  <a:lnTo>
                    <a:pt x="2381931" y="974424"/>
                  </a:lnTo>
                  <a:lnTo>
                    <a:pt x="1891751" y="1497925"/>
                  </a:lnTo>
                  <a:lnTo>
                    <a:pt x="1891751" y="2250406"/>
                  </a:lnTo>
                  <a:lnTo>
                    <a:pt x="1142998" y="2778367"/>
                  </a:lnTo>
                  <a:lnTo>
                    <a:pt x="1142998" y="1506560"/>
                  </a:lnTo>
                  <a:lnTo>
                    <a:pt x="4010" y="290147"/>
                  </a:lnTo>
                  <a:lnTo>
                    <a:pt x="0" y="290147"/>
                  </a:lnTo>
                  <a:lnTo>
                    <a:pt x="0" y="285864"/>
                  </a:lnTo>
                  <a:lnTo>
                    <a:pt x="0" y="32816"/>
                  </a:lnTo>
                  <a:cubicBezTo>
                    <a:pt x="0" y="14692"/>
                    <a:pt x="14692" y="0"/>
                    <a:pt x="32816" y="0"/>
                  </a:cubicBezTo>
                  <a:close/>
                </a:path>
              </a:pathLst>
            </a:cu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200" dirty="0"/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9F9FE859-E196-4C40-BDDE-310CA193082D}"/>
                </a:ext>
              </a:extLst>
            </p:cNvPr>
            <p:cNvSpPr/>
            <p:nvPr/>
          </p:nvSpPr>
          <p:spPr>
            <a:xfrm>
              <a:off x="4580792" y="1987062"/>
              <a:ext cx="3026664" cy="10550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9" name="TextBox 18">
            <a:extLst>
              <a:ext uri="{FF2B5EF4-FFF2-40B4-BE49-F238E27FC236}">
                <a16:creationId xmlns:a16="http://schemas.microsoft.com/office/drawing/2014/main" id="{FC18A593-ECF3-4E92-9EF2-602A60375A09}"/>
              </a:ext>
            </a:extLst>
          </p:cNvPr>
          <p:cNvSpPr txBox="1"/>
          <p:nvPr/>
        </p:nvSpPr>
        <p:spPr>
          <a:xfrm>
            <a:off x="8531550" y="0"/>
            <a:ext cx="2307366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dist"/>
            <a:r>
              <a:rPr lang="en-US" altLang="ko-KR" sz="1400" dirty="0">
                <a:solidFill>
                  <a:schemeClr val="accent2"/>
                </a:solidFill>
                <a:cs typeface="Arial" pitchFamily="34" charset="0"/>
              </a:rPr>
              <a:t>10100110100100001010100111101110110110110101010000111001010110010101001110101000101010001011010110110110100010101110001010100010100010111010110001001101001101001000010101001111011101101101101010100001110010101100101010011101010001010100010110101101101101001</a:t>
            </a: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5177C753-3D96-4004-912A-B046B24A8E76}"/>
              </a:ext>
            </a:extLst>
          </p:cNvPr>
          <p:cNvGrpSpPr/>
          <p:nvPr/>
        </p:nvGrpSpPr>
        <p:grpSpPr>
          <a:xfrm>
            <a:off x="862012" y="330125"/>
            <a:ext cx="5073348" cy="2092881"/>
            <a:chOff x="4456472" y="1657494"/>
            <a:chExt cx="5073348" cy="2092881"/>
          </a:xfrm>
        </p:grpSpPr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3237072D-EA0A-4A85-8662-CCACF8FC4125}"/>
                </a:ext>
              </a:extLst>
            </p:cNvPr>
            <p:cNvSpPr txBox="1"/>
            <p:nvPr/>
          </p:nvSpPr>
          <p:spPr>
            <a:xfrm>
              <a:off x="5792960" y="2016103"/>
              <a:ext cx="3736860" cy="830997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algn="dist"/>
              <a:r>
                <a:rPr lang="en-US" altLang="ko-KR" sz="4800" dirty="0">
                  <a:solidFill>
                    <a:schemeClr val="accent2"/>
                  </a:solidFill>
                  <a:latin typeface="Arial Black" panose="020B0A04020102020204" pitchFamily="34" charset="0"/>
                  <a:cs typeface="Arial" pitchFamily="34" charset="0"/>
                </a:rPr>
                <a:t>BJECTIVE</a:t>
              </a: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42937101-C539-492B-81E3-7F9CBE9A0A06}"/>
                </a:ext>
              </a:extLst>
            </p:cNvPr>
            <p:cNvSpPr txBox="1"/>
            <p:nvPr/>
          </p:nvSpPr>
          <p:spPr>
            <a:xfrm>
              <a:off x="5792959" y="2742844"/>
              <a:ext cx="3736861" cy="58477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algn="dist"/>
              <a:r>
                <a:rPr lang="en-US" altLang="ko-KR" sz="3200" b="1" dirty="0">
                  <a:solidFill>
                    <a:schemeClr val="accent4"/>
                  </a:solidFill>
                  <a:latin typeface="Adobe Song Std L" panose="02020300000000000000" pitchFamily="18" charset="-128"/>
                  <a:ea typeface="Adobe Song Std L" panose="02020300000000000000" pitchFamily="18" charset="-128"/>
                  <a:cs typeface="Arial" pitchFamily="34" charset="0"/>
                </a:rPr>
                <a:t>OF THE STUDY</a:t>
              </a: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1789951B-B1B6-4349-9D17-20E5DC324838}"/>
                </a:ext>
              </a:extLst>
            </p:cNvPr>
            <p:cNvSpPr txBox="1"/>
            <p:nvPr/>
          </p:nvSpPr>
          <p:spPr>
            <a:xfrm>
              <a:off x="4456472" y="1657494"/>
              <a:ext cx="1428068" cy="2092881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algn="ctr"/>
              <a:r>
                <a:rPr lang="en-US" altLang="ko-KR" sz="13000" b="1" dirty="0">
                  <a:solidFill>
                    <a:schemeClr val="accent2"/>
                  </a:solidFill>
                  <a:latin typeface="Arial Black" panose="020B0A04020102020204" pitchFamily="34" charset="0"/>
                  <a:ea typeface="Adobe Song Std L" panose="02020300000000000000" pitchFamily="18" charset="-128"/>
                  <a:cs typeface="Arial" pitchFamily="34" charset="0"/>
                </a:rPr>
                <a:t>O</a:t>
              </a:r>
            </a:p>
          </p:txBody>
        </p:sp>
      </p:grpSp>
      <p:sp>
        <p:nvSpPr>
          <p:cNvPr id="24" name="TextBox 23">
            <a:extLst>
              <a:ext uri="{FF2B5EF4-FFF2-40B4-BE49-F238E27FC236}">
                <a16:creationId xmlns:a16="http://schemas.microsoft.com/office/drawing/2014/main" id="{A08E7E78-07F8-4FB7-B7AF-ECEF4F7DF126}"/>
              </a:ext>
            </a:extLst>
          </p:cNvPr>
          <p:cNvSpPr txBox="1"/>
          <p:nvPr/>
        </p:nvSpPr>
        <p:spPr>
          <a:xfrm>
            <a:off x="2422567" y="3744269"/>
            <a:ext cx="2882986" cy="46166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r>
              <a:rPr lang="en-GB" altLang="ko-KR" sz="2400" dirty="0">
                <a:solidFill>
                  <a:schemeClr val="accent4"/>
                </a:solidFill>
                <a:cs typeface="Arial" pitchFamily="34" charset="0"/>
              </a:rPr>
              <a:t>SCOPE &amp; FOCUS</a:t>
            </a:r>
            <a:r>
              <a:rPr lang="en-GB" altLang="ko-KR" sz="2400" dirty="0">
                <a:solidFill>
                  <a:schemeClr val="tx1">
                    <a:lumMod val="75000"/>
                    <a:lumOff val="25000"/>
                  </a:schemeClr>
                </a:solidFill>
                <a:cs typeface="Arial" pitchFamily="34" charset="0"/>
              </a:rPr>
              <a:t> 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EC5897CB-6845-4EE8-BDC0-C73C7F25E6D9}"/>
              </a:ext>
            </a:extLst>
          </p:cNvPr>
          <p:cNvSpPr txBox="1"/>
          <p:nvPr/>
        </p:nvSpPr>
        <p:spPr>
          <a:xfrm>
            <a:off x="1548572" y="2157525"/>
            <a:ext cx="568488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dirty="0">
                <a:solidFill>
                  <a:schemeClr val="tx1">
                    <a:lumMod val="75000"/>
                    <a:lumOff val="25000"/>
                  </a:schemeClr>
                </a:solidFill>
                <a:cs typeface="Arial" pitchFamily="34" charset="0"/>
              </a:rPr>
              <a:t>To extract tagged asset from engineering drawings as part of data min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ko-KR" dirty="0">
                <a:solidFill>
                  <a:schemeClr val="tx1">
                    <a:lumMod val="75000"/>
                    <a:lumOff val="25000"/>
                  </a:schemeClr>
                </a:solidFill>
                <a:cs typeface="Arial" pitchFamily="34" charset="0"/>
              </a:rPr>
              <a:t>Automatic identification of its class &amp; hierarchy level based on ISO 14224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9EC9908C-F377-4620-A71C-7D5AF49E1042}"/>
              </a:ext>
            </a:extLst>
          </p:cNvPr>
          <p:cNvGrpSpPr/>
          <p:nvPr/>
        </p:nvGrpSpPr>
        <p:grpSpPr>
          <a:xfrm>
            <a:off x="143155" y="4592349"/>
            <a:ext cx="3827691" cy="1412551"/>
            <a:chOff x="5889060" y="3872747"/>
            <a:chExt cx="2527679" cy="1412551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56CC3398-A277-4A9B-98EB-21694AC69F21}"/>
                </a:ext>
              </a:extLst>
            </p:cNvPr>
            <p:cNvSpPr txBox="1"/>
            <p:nvPr/>
          </p:nvSpPr>
          <p:spPr>
            <a:xfrm>
              <a:off x="6011345" y="4208080"/>
              <a:ext cx="2283109" cy="10772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just"/>
              <a:r>
                <a:rPr lang="en-US" altLang="ko-KR" sz="1600" dirty="0">
                  <a:cs typeface="Arial" pitchFamily="34" charset="0"/>
                </a:rPr>
                <a:t>Recognition is based on different types of drawing: Architectural, Electrical (SLD) and Piping &amp; Instrumentation (P&amp;ID)</a:t>
              </a:r>
              <a:endParaRPr lang="ko-KR" altLang="en-US" sz="1600" dirty="0">
                <a:cs typeface="Arial" pitchFamily="34" charset="0"/>
              </a:endParaRPr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F6C189DE-6D10-48E4-94AE-D82D5EE4D28F}"/>
                </a:ext>
              </a:extLst>
            </p:cNvPr>
            <p:cNvSpPr txBox="1"/>
            <p:nvPr/>
          </p:nvSpPr>
          <p:spPr>
            <a:xfrm>
              <a:off x="5889060" y="3872747"/>
              <a:ext cx="252767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b="1" dirty="0">
                  <a:cs typeface="Arial" pitchFamily="34" charset="0"/>
                </a:rPr>
                <a:t>Recognize Object</a:t>
              </a:r>
              <a:endParaRPr lang="ko-KR" altLang="en-US" b="1" dirty="0">
                <a:cs typeface="Arial" pitchFamily="34" charset="0"/>
              </a:endParaRPr>
            </a:p>
          </p:txBody>
        </p:sp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DD9E099D-A16D-498A-8E37-18A751FEB3AB}"/>
              </a:ext>
            </a:extLst>
          </p:cNvPr>
          <p:cNvGrpSpPr/>
          <p:nvPr/>
        </p:nvGrpSpPr>
        <p:grpSpPr>
          <a:xfrm>
            <a:off x="3987498" y="4604517"/>
            <a:ext cx="3703409" cy="1434382"/>
            <a:chOff x="5889060" y="3872747"/>
            <a:chExt cx="2527679" cy="1434382"/>
          </a:xfrm>
        </p:grpSpPr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CCC050DF-7539-4970-ADFC-0A936A03F9B8}"/>
                </a:ext>
              </a:extLst>
            </p:cNvPr>
            <p:cNvSpPr txBox="1"/>
            <p:nvPr/>
          </p:nvSpPr>
          <p:spPr>
            <a:xfrm>
              <a:off x="5992036" y="4229911"/>
              <a:ext cx="2321725" cy="10772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just"/>
              <a:r>
                <a:rPr lang="en-US" altLang="ko-KR" sz="1600" dirty="0">
                  <a:cs typeface="Arial" pitchFamily="34" charset="0"/>
                </a:rPr>
                <a:t>Classification and hierarchy build is based on ISO 14224 as a global accepted guideline in classifying equipment data in oil &amp; gas industry</a:t>
              </a:r>
              <a:endParaRPr lang="ko-KR" altLang="en-US" sz="1600" dirty="0">
                <a:cs typeface="Arial" pitchFamily="34" charset="0"/>
              </a:endParaRPr>
            </a:p>
          </p:txBody>
        </p: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CFFEF473-37B1-48A4-B1EB-9E6463D4BB23}"/>
                </a:ext>
              </a:extLst>
            </p:cNvPr>
            <p:cNvSpPr txBox="1"/>
            <p:nvPr/>
          </p:nvSpPr>
          <p:spPr>
            <a:xfrm>
              <a:off x="5889060" y="3872747"/>
              <a:ext cx="2527679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b="1" dirty="0">
                  <a:cs typeface="Arial" pitchFamily="34" charset="0"/>
                </a:rPr>
                <a:t>Classify and Hierarchy Build</a:t>
              </a:r>
              <a:endParaRPr lang="ko-KR" altLang="en-US" b="1" dirty="0">
                <a:cs typeface="Arial" pitchFamily="34" charset="0"/>
              </a:endParaRPr>
            </a:p>
          </p:txBody>
        </p:sp>
      </p:grpSp>
      <p:sp>
        <p:nvSpPr>
          <p:cNvPr id="32" name="TextBox 31">
            <a:extLst>
              <a:ext uri="{FF2B5EF4-FFF2-40B4-BE49-F238E27FC236}">
                <a16:creationId xmlns:a16="http://schemas.microsoft.com/office/drawing/2014/main" id="{D3D5DD2F-03B9-4451-BD92-02FB72360C04}"/>
              </a:ext>
            </a:extLst>
          </p:cNvPr>
          <p:cNvSpPr txBox="1"/>
          <p:nvPr/>
        </p:nvSpPr>
        <p:spPr>
          <a:xfrm>
            <a:off x="8386419" y="5300262"/>
            <a:ext cx="259762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2000" dirty="0">
                <a:solidFill>
                  <a:schemeClr val="bg1"/>
                </a:solidFill>
                <a:cs typeface="Arial" pitchFamily="34" charset="0"/>
              </a:rPr>
              <a:t>Structured &amp; Clean Data for CMMS Upload</a:t>
            </a:r>
            <a:endParaRPr lang="ko-KR" altLang="en-US" sz="2000" dirty="0">
              <a:solidFill>
                <a:schemeClr val="bg1"/>
              </a:solidFill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3604970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22EACE2C-F0BB-4B26-BDA0-E1B66FC049A7}"/>
              </a:ext>
            </a:extLst>
          </p:cNvPr>
          <p:cNvSpPr txBox="1"/>
          <p:nvPr/>
        </p:nvSpPr>
        <p:spPr>
          <a:xfrm>
            <a:off x="6848475" y="3037886"/>
            <a:ext cx="5221991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altLang="ko-KR" sz="3600" b="1" dirty="0">
                <a:solidFill>
                  <a:schemeClr val="bg1"/>
                </a:solidFill>
                <a:latin typeface="+mj-lt"/>
                <a:cs typeface="Arial" pitchFamily="34" charset="0"/>
              </a:rPr>
              <a:t>05 Methodology</a:t>
            </a:r>
            <a:endParaRPr lang="ko-KR" altLang="en-US" sz="3600" b="1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937509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l="-7000" r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ctangle 23">
            <a:extLst>
              <a:ext uri="{FF2B5EF4-FFF2-40B4-BE49-F238E27FC236}">
                <a16:creationId xmlns:a16="http://schemas.microsoft.com/office/drawing/2014/main" id="{67003F9F-EAC8-463B-A224-013BDD63AF08}"/>
              </a:ext>
            </a:extLst>
          </p:cNvPr>
          <p:cNvSpPr/>
          <p:nvPr/>
        </p:nvSpPr>
        <p:spPr>
          <a:xfrm>
            <a:off x="226423" y="180975"/>
            <a:ext cx="11765280" cy="6463665"/>
          </a:xfrm>
          <a:prstGeom prst="rect">
            <a:avLst/>
          </a:prstGeom>
          <a:solidFill>
            <a:schemeClr val="tx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06381AD-4C2B-4745-99B1-0BBCE6131A7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22464" y="675532"/>
            <a:ext cx="11573197" cy="724247"/>
          </a:xfrm>
          <a:prstGeom prst="rect">
            <a:avLst/>
          </a:prstGeom>
        </p:spPr>
        <p:txBody>
          <a:bodyPr/>
          <a:lstStyle/>
          <a:p>
            <a:r>
              <a:rPr lang="en-US" b="1" dirty="0">
                <a:solidFill>
                  <a:schemeClr val="bg1"/>
                </a:solidFill>
              </a:rPr>
              <a:t>General Methodology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8461215-73BE-40FB-A801-36EFFD46890B}"/>
              </a:ext>
            </a:extLst>
          </p:cNvPr>
          <p:cNvSpPr/>
          <p:nvPr/>
        </p:nvSpPr>
        <p:spPr>
          <a:xfrm>
            <a:off x="9168095" y="2803896"/>
            <a:ext cx="2105076" cy="3555164"/>
          </a:xfrm>
          <a:prstGeom prst="rect">
            <a:avLst/>
          </a:prstGeom>
          <a:solidFill>
            <a:schemeClr val="accent4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4" name="Chevron 3">
            <a:extLst>
              <a:ext uri="{FF2B5EF4-FFF2-40B4-BE49-F238E27FC236}">
                <a16:creationId xmlns:a16="http://schemas.microsoft.com/office/drawing/2014/main" id="{0D271BF9-713B-41D0-90E0-5CC8311DE6E4}"/>
              </a:ext>
            </a:extLst>
          </p:cNvPr>
          <p:cNvSpPr/>
          <p:nvPr/>
        </p:nvSpPr>
        <p:spPr>
          <a:xfrm>
            <a:off x="918830" y="3542172"/>
            <a:ext cx="2042102" cy="893484"/>
          </a:xfrm>
          <a:prstGeom prst="chevron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>
              <a:solidFill>
                <a:schemeClr val="tx1"/>
              </a:solidFill>
            </a:endParaRPr>
          </a:p>
        </p:txBody>
      </p:sp>
      <p:sp>
        <p:nvSpPr>
          <p:cNvPr id="5" name="Chevron 4">
            <a:extLst>
              <a:ext uri="{FF2B5EF4-FFF2-40B4-BE49-F238E27FC236}">
                <a16:creationId xmlns:a16="http://schemas.microsoft.com/office/drawing/2014/main" id="{01E0273A-B459-4CD0-8435-5CF254BFE226}"/>
              </a:ext>
            </a:extLst>
          </p:cNvPr>
          <p:cNvSpPr/>
          <p:nvPr/>
        </p:nvSpPr>
        <p:spPr>
          <a:xfrm>
            <a:off x="2987884" y="3114722"/>
            <a:ext cx="2042102" cy="893484"/>
          </a:xfrm>
          <a:prstGeom prst="chevron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>
              <a:solidFill>
                <a:schemeClr val="tx1"/>
              </a:solidFill>
            </a:endParaRPr>
          </a:p>
        </p:txBody>
      </p:sp>
      <p:sp>
        <p:nvSpPr>
          <p:cNvPr id="6" name="Chevron 5">
            <a:extLst>
              <a:ext uri="{FF2B5EF4-FFF2-40B4-BE49-F238E27FC236}">
                <a16:creationId xmlns:a16="http://schemas.microsoft.com/office/drawing/2014/main" id="{53E938E4-B903-4E78-890B-D2C0B4A4A281}"/>
              </a:ext>
            </a:extLst>
          </p:cNvPr>
          <p:cNvSpPr/>
          <p:nvPr/>
        </p:nvSpPr>
        <p:spPr>
          <a:xfrm>
            <a:off x="5056938" y="2687274"/>
            <a:ext cx="2042102" cy="893484"/>
          </a:xfrm>
          <a:prstGeom prst="chevron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>
              <a:solidFill>
                <a:schemeClr val="tx1"/>
              </a:solidFill>
            </a:endParaRPr>
          </a:p>
        </p:txBody>
      </p:sp>
      <p:sp>
        <p:nvSpPr>
          <p:cNvPr id="7" name="Chevron 6">
            <a:extLst>
              <a:ext uri="{FF2B5EF4-FFF2-40B4-BE49-F238E27FC236}">
                <a16:creationId xmlns:a16="http://schemas.microsoft.com/office/drawing/2014/main" id="{B4CBDB40-14D8-445F-AAA2-A37966BF7CB8}"/>
              </a:ext>
            </a:extLst>
          </p:cNvPr>
          <p:cNvSpPr/>
          <p:nvPr/>
        </p:nvSpPr>
        <p:spPr>
          <a:xfrm>
            <a:off x="7125992" y="2259825"/>
            <a:ext cx="2042102" cy="893484"/>
          </a:xfrm>
          <a:prstGeom prst="chevron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>
              <a:solidFill>
                <a:schemeClr val="tx1"/>
              </a:solidFill>
            </a:endParaRPr>
          </a:p>
        </p:txBody>
      </p:sp>
      <p:sp>
        <p:nvSpPr>
          <p:cNvPr id="8" name="Chevron 7">
            <a:extLst>
              <a:ext uri="{FF2B5EF4-FFF2-40B4-BE49-F238E27FC236}">
                <a16:creationId xmlns:a16="http://schemas.microsoft.com/office/drawing/2014/main" id="{29863FB2-BB9F-4CEE-A775-3AF41CCCB421}"/>
              </a:ext>
            </a:extLst>
          </p:cNvPr>
          <p:cNvSpPr/>
          <p:nvPr/>
        </p:nvSpPr>
        <p:spPr>
          <a:xfrm>
            <a:off x="9195048" y="1832376"/>
            <a:ext cx="2042102" cy="893484"/>
          </a:xfrm>
          <a:prstGeom prst="chevron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>
              <a:solidFill>
                <a:schemeClr val="tx1"/>
              </a:solidFill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243275C8-BCE5-4258-AD9C-4BE1B63BF8B8}"/>
              </a:ext>
            </a:extLst>
          </p:cNvPr>
          <p:cNvSpPr/>
          <p:nvPr/>
        </p:nvSpPr>
        <p:spPr>
          <a:xfrm>
            <a:off x="7099041" y="3246640"/>
            <a:ext cx="2069053" cy="3112420"/>
          </a:xfrm>
          <a:prstGeom prst="rect">
            <a:avLst/>
          </a:prstGeom>
          <a:solidFill>
            <a:schemeClr val="accent3">
              <a:alpha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9455025A-0387-4B0E-A1A6-AC0967700908}"/>
              </a:ext>
            </a:extLst>
          </p:cNvPr>
          <p:cNvSpPr/>
          <p:nvPr/>
        </p:nvSpPr>
        <p:spPr>
          <a:xfrm>
            <a:off x="5029988" y="3688604"/>
            <a:ext cx="2069054" cy="2670456"/>
          </a:xfrm>
          <a:prstGeom prst="rect">
            <a:avLst/>
          </a:prstGeom>
          <a:solidFill>
            <a:schemeClr val="accent2"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979DF2F2-2AAF-423B-9C1A-E3CA37AC6BBB}"/>
              </a:ext>
            </a:extLst>
          </p:cNvPr>
          <p:cNvSpPr/>
          <p:nvPr/>
        </p:nvSpPr>
        <p:spPr>
          <a:xfrm>
            <a:off x="2987884" y="4084563"/>
            <a:ext cx="2042102" cy="2274497"/>
          </a:xfrm>
          <a:prstGeom prst="rect">
            <a:avLst/>
          </a:prstGeom>
          <a:solidFill>
            <a:schemeClr val="accent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D8FAC203-2011-4453-B617-FFB3DD1E00E9}"/>
              </a:ext>
            </a:extLst>
          </p:cNvPr>
          <p:cNvSpPr/>
          <p:nvPr/>
        </p:nvSpPr>
        <p:spPr>
          <a:xfrm>
            <a:off x="932387" y="4495694"/>
            <a:ext cx="2055497" cy="1863366"/>
          </a:xfrm>
          <a:prstGeom prst="rect">
            <a:avLst/>
          </a:prstGeom>
          <a:solidFill>
            <a:schemeClr val="accent6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314082F2-4BAD-44A6-AF6A-9285015585DB}"/>
              </a:ext>
            </a:extLst>
          </p:cNvPr>
          <p:cNvSpPr txBox="1"/>
          <p:nvPr/>
        </p:nvSpPr>
        <p:spPr>
          <a:xfrm>
            <a:off x="1174450" y="3614229"/>
            <a:ext cx="1558033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1400" b="1" dirty="0">
                <a:solidFill>
                  <a:schemeClr val="bg1"/>
                </a:solidFill>
                <a:cs typeface="Arial" pitchFamily="34" charset="0"/>
              </a:rPr>
              <a:t>Business &amp; Data Understanding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A01A7B38-9CD0-43B0-BBE2-116116D27F63}"/>
              </a:ext>
            </a:extLst>
          </p:cNvPr>
          <p:cNvSpPr txBox="1"/>
          <p:nvPr/>
        </p:nvSpPr>
        <p:spPr>
          <a:xfrm>
            <a:off x="3333243" y="3219006"/>
            <a:ext cx="149534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b="1" dirty="0">
                <a:solidFill>
                  <a:schemeClr val="bg1"/>
                </a:solidFill>
                <a:cs typeface="Arial" pitchFamily="34" charset="0"/>
              </a:rPr>
              <a:t>Data Preparation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CF0B5A58-2E50-4E36-9C18-683C49ADB133}"/>
              </a:ext>
            </a:extLst>
          </p:cNvPr>
          <p:cNvSpPr txBox="1"/>
          <p:nvPr/>
        </p:nvSpPr>
        <p:spPr>
          <a:xfrm>
            <a:off x="5549795" y="2968643"/>
            <a:ext cx="12802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b="1" dirty="0">
                <a:solidFill>
                  <a:schemeClr val="bg1"/>
                </a:solidFill>
                <a:cs typeface="Arial" pitchFamily="34" charset="0"/>
              </a:rPr>
              <a:t>Modelling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2B1FE9C-E64F-4162-9D3C-92C1C5F8837A}"/>
              </a:ext>
            </a:extLst>
          </p:cNvPr>
          <p:cNvSpPr txBox="1"/>
          <p:nvPr/>
        </p:nvSpPr>
        <p:spPr>
          <a:xfrm>
            <a:off x="7534985" y="2515579"/>
            <a:ext cx="13402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b="1" dirty="0">
                <a:solidFill>
                  <a:schemeClr val="bg1"/>
                </a:solidFill>
                <a:cs typeface="Arial" pitchFamily="34" charset="0"/>
              </a:rPr>
              <a:t>Evaluation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A8D21A9-00CE-4E72-9FA0-C8F67A52636E}"/>
              </a:ext>
            </a:extLst>
          </p:cNvPr>
          <p:cNvSpPr txBox="1"/>
          <p:nvPr/>
        </p:nvSpPr>
        <p:spPr>
          <a:xfrm>
            <a:off x="9538154" y="2072584"/>
            <a:ext cx="16989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b="1" dirty="0">
                <a:solidFill>
                  <a:schemeClr val="bg1"/>
                </a:solidFill>
                <a:cs typeface="Arial" pitchFamily="34" charset="0"/>
              </a:rPr>
              <a:t>Deployment</a:t>
            </a:r>
            <a:endParaRPr lang="en-US" altLang="ko-KR" sz="1600" b="1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E8AC5A9-0842-4658-BC2E-35021DD23B42}"/>
              </a:ext>
            </a:extLst>
          </p:cNvPr>
          <p:cNvSpPr txBox="1"/>
          <p:nvPr/>
        </p:nvSpPr>
        <p:spPr>
          <a:xfrm>
            <a:off x="937366" y="4555535"/>
            <a:ext cx="2024853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To extract tagged asset from engineering drawings as part of data mining</a:t>
            </a:r>
          </a:p>
          <a:p>
            <a:pPr algn="ctr"/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Automatic identification of its class &amp; hierarchy level based on ISO 14224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AE0F4336-1E53-4C94-B9F9-64022E9A4E9B}"/>
              </a:ext>
            </a:extLst>
          </p:cNvPr>
          <p:cNvSpPr txBox="1"/>
          <p:nvPr/>
        </p:nvSpPr>
        <p:spPr>
          <a:xfrm>
            <a:off x="2925365" y="4157860"/>
            <a:ext cx="206512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Select sample drawings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Collect images of typical P&amp;ID symbols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Collect ISO14224 equipment tagging conventions &amp; equipment classifications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FBB3F7-71B3-4ED7-A2C7-0F40D26452D1}"/>
              </a:ext>
            </a:extLst>
          </p:cNvPr>
          <p:cNvSpPr txBox="1"/>
          <p:nvPr/>
        </p:nvSpPr>
        <p:spPr>
          <a:xfrm>
            <a:off x="4963535" y="3838258"/>
            <a:ext cx="213550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Object Recognition model development &amp; train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Hierarchy identification formulation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Object classification &amp; hierarchy identification modelling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278DCFBA-B190-45F7-864C-F7236E8FB0CA}"/>
              </a:ext>
            </a:extLst>
          </p:cNvPr>
          <p:cNvSpPr txBox="1"/>
          <p:nvPr/>
        </p:nvSpPr>
        <p:spPr>
          <a:xfrm>
            <a:off x="7000919" y="3444952"/>
            <a:ext cx="2219672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Test object recognition model &amp; improvise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Test recognized object classification &amp; improvise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Test hierarchy identification model &amp; improvise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E4162DC6-D6E9-4575-BF0F-203D44212D11}"/>
              </a:ext>
            </a:extLst>
          </p:cNvPr>
          <p:cNvSpPr txBox="1"/>
          <p:nvPr/>
        </p:nvSpPr>
        <p:spPr>
          <a:xfrm>
            <a:off x="9270071" y="3016815"/>
            <a:ext cx="188155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Result analysis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Finalize paper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altLang="ko-KR" sz="1400" dirty="0">
                <a:solidFill>
                  <a:schemeClr val="bg1"/>
                </a:solidFill>
                <a:cs typeface="Arial" pitchFamily="34" charset="0"/>
              </a:rPr>
              <a:t>Identify future work</a:t>
            </a:r>
          </a:p>
        </p:txBody>
      </p:sp>
      <p:sp>
        <p:nvSpPr>
          <p:cNvPr id="23" name="Rectangle 5">
            <a:extLst>
              <a:ext uri="{FF2B5EF4-FFF2-40B4-BE49-F238E27FC236}">
                <a16:creationId xmlns:a16="http://schemas.microsoft.com/office/drawing/2014/main" id="{9C8782A6-734F-4E51-B4AC-17F9504BFA5B}"/>
              </a:ext>
            </a:extLst>
          </p:cNvPr>
          <p:cNvSpPr/>
          <p:nvPr/>
        </p:nvSpPr>
        <p:spPr>
          <a:xfrm rot="19334430">
            <a:off x="9381042" y="4521731"/>
            <a:ext cx="1580677" cy="1830624"/>
          </a:xfrm>
          <a:custGeom>
            <a:avLst/>
            <a:gdLst/>
            <a:ahLst/>
            <a:cxnLst/>
            <a:rect l="l" t="t" r="r" b="b"/>
            <a:pathLst>
              <a:path w="4039355" h="4675800">
                <a:moveTo>
                  <a:pt x="4034497" y="0"/>
                </a:moveTo>
                <a:lnTo>
                  <a:pt x="4039355" y="1157334"/>
                </a:lnTo>
                <a:lnTo>
                  <a:pt x="4036521" y="1158088"/>
                </a:lnTo>
                <a:lnTo>
                  <a:pt x="4036521" y="4184468"/>
                </a:lnTo>
                <a:lnTo>
                  <a:pt x="2880543" y="4184469"/>
                </a:lnTo>
                <a:lnTo>
                  <a:pt x="2880543" y="2372299"/>
                </a:lnTo>
                <a:lnTo>
                  <a:pt x="1096372" y="4675800"/>
                </a:lnTo>
                <a:lnTo>
                  <a:pt x="242442" y="4014390"/>
                </a:lnTo>
                <a:lnTo>
                  <a:pt x="2044770" y="1687448"/>
                </a:lnTo>
                <a:lnTo>
                  <a:pt x="296924" y="2151986"/>
                </a:lnTo>
                <a:lnTo>
                  <a:pt x="0" y="1034791"/>
                </a:lnTo>
                <a:lnTo>
                  <a:pt x="2097708" y="477269"/>
                </a:lnTo>
                <a:lnTo>
                  <a:pt x="2101111" y="490677"/>
                </a:lnTo>
                <a:close/>
              </a:path>
            </a:pathLst>
          </a:custGeom>
          <a:solidFill>
            <a:schemeClr val="accent4"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</p:spTree>
    <p:extLst>
      <p:ext uri="{BB962C8B-B14F-4D97-AF65-F5344CB8AC3E}">
        <p14:creationId xmlns:p14="http://schemas.microsoft.com/office/powerpoint/2010/main" val="182380226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">
            <a:lum/>
          </a:blip>
          <a:srcRect/>
          <a:stretch>
            <a:fillRect l="-7000" r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" name="Rectangle 61">
            <a:extLst>
              <a:ext uri="{FF2B5EF4-FFF2-40B4-BE49-F238E27FC236}">
                <a16:creationId xmlns:a16="http://schemas.microsoft.com/office/drawing/2014/main" id="{8A91DEA8-8EF2-492C-9883-32AF162BEBE4}"/>
              </a:ext>
            </a:extLst>
          </p:cNvPr>
          <p:cNvSpPr/>
          <p:nvPr/>
        </p:nvSpPr>
        <p:spPr>
          <a:xfrm>
            <a:off x="226423" y="330112"/>
            <a:ext cx="11765280" cy="6314528"/>
          </a:xfrm>
          <a:prstGeom prst="rect">
            <a:avLst/>
          </a:prstGeom>
          <a:solidFill>
            <a:schemeClr val="tx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37840" y="757219"/>
            <a:ext cx="5801110" cy="739056"/>
          </a:xfrm>
        </p:spPr>
        <p:txBody>
          <a:bodyPr>
            <a:noAutofit/>
          </a:bodyPr>
          <a:lstStyle/>
          <a:p>
            <a:r>
              <a:rPr lang="en-US" sz="5400" b="1" dirty="0">
                <a:solidFill>
                  <a:schemeClr val="bg1"/>
                </a:solidFill>
              </a:rPr>
              <a:t>Project Planning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24601293"/>
              </p:ext>
            </p:extLst>
          </p:nvPr>
        </p:nvGraphicFramePr>
        <p:xfrm>
          <a:off x="3143864" y="2141927"/>
          <a:ext cx="8614830" cy="394841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61483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861483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</a:tblGrid>
              <a:tr h="439812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Q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Q4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2"/>
                          </a:solidFill>
                        </a:rPr>
                        <a:t>Q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lumMod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2"/>
                          </a:solidFill>
                        </a:rPr>
                        <a:t>Q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lumMod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2"/>
                          </a:solidFill>
                        </a:rPr>
                        <a:t>Q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lumMod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bg2"/>
                          </a:solidFill>
                        </a:rPr>
                        <a:t>Q4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>
                        <a:lumMod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Q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Q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Q3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Q4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508603"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400" dirty="0"/>
                    </a:p>
                  </a:txBody>
                  <a:tcPr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09434445"/>
              </p:ext>
            </p:extLst>
          </p:nvPr>
        </p:nvGraphicFramePr>
        <p:xfrm>
          <a:off x="452199" y="2757246"/>
          <a:ext cx="2691665" cy="33375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691665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1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Literature Review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Data Collectio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Object Recognitio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b="1" dirty="0"/>
                        <a:t>PHASE 2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692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Hierarchy Modelling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Optimization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Analysis &amp; Results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7024539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l"/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Thesis Write-Up</a:t>
                      </a:r>
                    </a:p>
                  </a:txBody>
                  <a:tcPr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8421058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3563913" y="2830271"/>
            <a:ext cx="2706787" cy="22589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1000" dirty="0">
                <a:solidFill>
                  <a:srgbClr val="002060"/>
                </a:solidFill>
              </a:rPr>
              <a:t>40%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3563912" y="3199095"/>
            <a:ext cx="1307191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rgbClr val="002060"/>
                </a:solidFill>
              </a:rPr>
              <a:t>75%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4250471" y="3567919"/>
            <a:ext cx="149636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rgbClr val="002060"/>
                </a:solidFill>
              </a:rPr>
              <a:t>40%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4646165" y="3936743"/>
            <a:ext cx="1624538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rgbClr val="002060"/>
                </a:solidFill>
              </a:rPr>
              <a:t>5%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5746832" y="4305567"/>
            <a:ext cx="4636544" cy="225891"/>
          </a:xfrm>
          <a:prstGeom prst="rect">
            <a:avLst/>
          </a:prstGeom>
          <a:solidFill>
            <a:srgbClr val="F692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rgbClr val="002060"/>
                </a:solidFill>
              </a:rPr>
              <a:t>0%</a:t>
            </a: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5746831" y="4676326"/>
            <a:ext cx="1691300" cy="225891"/>
          </a:xfrm>
          <a:prstGeom prst="rect">
            <a:avLst/>
          </a:prstGeom>
          <a:solidFill>
            <a:srgbClr val="FFBF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rgbClr val="002060"/>
                </a:solidFill>
              </a:rPr>
              <a:t>0%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6923446" y="5043213"/>
            <a:ext cx="1519799" cy="225891"/>
          </a:xfrm>
          <a:prstGeom prst="rect">
            <a:avLst/>
          </a:prstGeom>
          <a:solidFill>
            <a:srgbClr val="FFBF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rgbClr val="002060"/>
                </a:solidFill>
              </a:rPr>
              <a:t>0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2967840" y="2830271"/>
            <a:ext cx="91440" cy="22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2967840" y="3199095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2967840" y="3567919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2967840" y="3936743"/>
            <a:ext cx="91440" cy="225891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2967840" y="4305567"/>
            <a:ext cx="91440" cy="225891"/>
          </a:xfrm>
          <a:prstGeom prst="rect">
            <a:avLst/>
          </a:prstGeom>
          <a:solidFill>
            <a:srgbClr val="B96D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2967840" y="4674391"/>
            <a:ext cx="91440" cy="225891"/>
          </a:xfrm>
          <a:prstGeom prst="rect">
            <a:avLst/>
          </a:prstGeom>
          <a:solidFill>
            <a:srgbClr val="FFBF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2967840" y="5043213"/>
            <a:ext cx="91440" cy="225891"/>
          </a:xfrm>
          <a:prstGeom prst="rect">
            <a:avLst/>
          </a:prstGeom>
          <a:solidFill>
            <a:srgbClr val="FFBF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>
            <a:cxnSpLocks/>
            <a:stCxn id="103" idx="3"/>
            <a:endCxn id="4" idx="1"/>
          </p:cNvCxnSpPr>
          <p:nvPr/>
        </p:nvCxnSpPr>
        <p:spPr>
          <a:xfrm>
            <a:off x="3059280" y="2943217"/>
            <a:ext cx="504633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>
            <a:cxnSpLocks/>
            <a:stCxn id="104" idx="3"/>
            <a:endCxn id="96" idx="1"/>
          </p:cNvCxnSpPr>
          <p:nvPr/>
        </p:nvCxnSpPr>
        <p:spPr>
          <a:xfrm>
            <a:off x="3059280" y="3312041"/>
            <a:ext cx="50463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3059280" y="3680865"/>
            <a:ext cx="1191191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>
            <a:cxnSpLocks/>
            <a:endCxn id="98" idx="1"/>
          </p:cNvCxnSpPr>
          <p:nvPr/>
        </p:nvCxnSpPr>
        <p:spPr>
          <a:xfrm flipV="1">
            <a:off x="3059280" y="4049689"/>
            <a:ext cx="1586885" cy="223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  <a:endCxn id="99" idx="1"/>
          </p:cNvCxnSpPr>
          <p:nvPr/>
        </p:nvCxnSpPr>
        <p:spPr>
          <a:xfrm>
            <a:off x="3059280" y="4417396"/>
            <a:ext cx="2687552" cy="1117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>
            <a:cxnSpLocks/>
            <a:stCxn id="108" idx="3"/>
            <a:endCxn id="100" idx="1"/>
          </p:cNvCxnSpPr>
          <p:nvPr/>
        </p:nvCxnSpPr>
        <p:spPr>
          <a:xfrm>
            <a:off x="3059280" y="4787337"/>
            <a:ext cx="2687551" cy="1935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>
            <a:cxnSpLocks/>
            <a:stCxn id="109" idx="3"/>
            <a:endCxn id="101" idx="1"/>
          </p:cNvCxnSpPr>
          <p:nvPr/>
        </p:nvCxnSpPr>
        <p:spPr>
          <a:xfrm>
            <a:off x="3059280" y="5156159"/>
            <a:ext cx="3864166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6326835" y="2779164"/>
            <a:ext cx="1762855" cy="307777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1400" spc="-4" dirty="0">
                <a:solidFill>
                  <a:schemeClr val="bg1"/>
                </a:solidFill>
                <a:latin typeface="Calibri" panose="020F0502020204030204" pitchFamily="34" charset="0"/>
              </a:rPr>
              <a:t>Aug 2020 -  May 2021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3667384" y="1751176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b="1" dirty="0">
                <a:solidFill>
                  <a:schemeClr val="bg1"/>
                </a:solidFill>
              </a:rPr>
              <a:t>2020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2602917" y="6164188"/>
            <a:ext cx="1175406" cy="369332"/>
            <a:chOff x="1505049" y="5770630"/>
            <a:chExt cx="1175406" cy="369332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400">
                <a:solidFill>
                  <a:schemeClr val="bg1"/>
                </a:solidFill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770630"/>
              <a:ext cx="907236" cy="369332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Phase 1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3938378" y="6164188"/>
            <a:ext cx="1175406" cy="369332"/>
            <a:chOff x="1505049" y="5770630"/>
            <a:chExt cx="1175406" cy="369332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rgbClr val="F692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r"/>
              <a:endParaRPr lang="en-US" sz="1400">
                <a:solidFill>
                  <a:schemeClr val="bg1"/>
                </a:solidFill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770630"/>
              <a:ext cx="907236" cy="369332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Phase 2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4267276" y="2585207"/>
            <a:ext cx="0" cy="521063"/>
          </a:xfrm>
          <a:prstGeom prst="line">
            <a:avLst/>
          </a:prstGeom>
          <a:ln w="9525" cap="flat" cmpd="sng" algn="ctr">
            <a:solidFill>
              <a:srgbClr val="C0504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4267276" y="2585207"/>
            <a:ext cx="1593273" cy="534651"/>
            <a:chOff x="7785295" y="939169"/>
            <a:chExt cx="1593273" cy="534651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200">
                <a:solidFill>
                  <a:schemeClr val="bg1"/>
                </a:solidFill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1334468" cy="52322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4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AS Presentation</a:t>
              </a:r>
            </a:p>
            <a:p>
              <a:r>
                <a:rPr lang="en-US" sz="14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8 Dec</a:t>
              </a:r>
            </a:p>
          </p:txBody>
        </p:sp>
      </p:grpSp>
      <p:sp>
        <p:nvSpPr>
          <p:cNvPr id="59" name="TextBox 58">
            <a:extLst>
              <a:ext uri="{FF2B5EF4-FFF2-40B4-BE49-F238E27FC236}">
                <a16:creationId xmlns:a16="http://schemas.microsoft.com/office/drawing/2014/main" id="{F04C19B5-750F-4714-BAF7-E16CB2181783}"/>
              </a:ext>
            </a:extLst>
          </p:cNvPr>
          <p:cNvSpPr txBox="1"/>
          <p:nvPr/>
        </p:nvSpPr>
        <p:spPr>
          <a:xfrm>
            <a:off x="6270703" y="1755384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b="1" dirty="0">
                <a:solidFill>
                  <a:schemeClr val="bg1"/>
                </a:solidFill>
              </a:rPr>
              <a:t>2021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1885D625-EF7B-4FE9-BA1D-656F3373028F}"/>
              </a:ext>
            </a:extLst>
          </p:cNvPr>
          <p:cNvSpPr txBox="1"/>
          <p:nvPr/>
        </p:nvSpPr>
        <p:spPr>
          <a:xfrm>
            <a:off x="9682915" y="1751176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b="1" dirty="0">
                <a:solidFill>
                  <a:schemeClr val="bg1"/>
                </a:solidFill>
              </a:rPr>
              <a:t>2022</a:t>
            </a:r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id="{CE8A7899-BFEA-4540-980D-10BF0F57F8F2}"/>
              </a:ext>
            </a:extLst>
          </p:cNvPr>
          <p:cNvSpPr/>
          <p:nvPr/>
        </p:nvSpPr>
        <p:spPr>
          <a:xfrm>
            <a:off x="7716852" y="5412034"/>
            <a:ext cx="1410056" cy="225891"/>
          </a:xfrm>
          <a:prstGeom prst="rect">
            <a:avLst/>
          </a:prstGeom>
          <a:solidFill>
            <a:srgbClr val="FFBF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rgbClr val="002060"/>
                </a:solidFill>
              </a:rPr>
              <a:t>0%</a:t>
            </a:r>
          </a:p>
        </p:txBody>
      </p:sp>
      <p:sp>
        <p:nvSpPr>
          <p:cNvPr id="94" name="Rectangle 93">
            <a:extLst>
              <a:ext uri="{FF2B5EF4-FFF2-40B4-BE49-F238E27FC236}">
                <a16:creationId xmlns:a16="http://schemas.microsoft.com/office/drawing/2014/main" id="{155FAC7A-B4D0-4D67-9678-7F8273BCD9D4}"/>
              </a:ext>
            </a:extLst>
          </p:cNvPr>
          <p:cNvSpPr/>
          <p:nvPr/>
        </p:nvSpPr>
        <p:spPr>
          <a:xfrm>
            <a:off x="2967840" y="5412034"/>
            <a:ext cx="91440" cy="225891"/>
          </a:xfrm>
          <a:prstGeom prst="rect">
            <a:avLst/>
          </a:prstGeom>
          <a:solidFill>
            <a:srgbClr val="FFBF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2" name="Straight Arrow Connector 101">
            <a:extLst>
              <a:ext uri="{FF2B5EF4-FFF2-40B4-BE49-F238E27FC236}">
                <a16:creationId xmlns:a16="http://schemas.microsoft.com/office/drawing/2014/main" id="{A0F2D219-E162-4BA4-9474-7F19CAEC5380}"/>
              </a:ext>
            </a:extLst>
          </p:cNvPr>
          <p:cNvCxnSpPr>
            <a:cxnSpLocks/>
            <a:stCxn id="94" idx="3"/>
            <a:endCxn id="93" idx="1"/>
          </p:cNvCxnSpPr>
          <p:nvPr/>
        </p:nvCxnSpPr>
        <p:spPr>
          <a:xfrm>
            <a:off x="3059280" y="5524980"/>
            <a:ext cx="465757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Rectangle 134">
            <a:extLst>
              <a:ext uri="{FF2B5EF4-FFF2-40B4-BE49-F238E27FC236}">
                <a16:creationId xmlns:a16="http://schemas.microsoft.com/office/drawing/2014/main" id="{43AD51E6-848C-4225-8AAC-38F5B0E592ED}"/>
              </a:ext>
            </a:extLst>
          </p:cNvPr>
          <p:cNvSpPr/>
          <p:nvPr/>
        </p:nvSpPr>
        <p:spPr>
          <a:xfrm>
            <a:off x="8824720" y="5775342"/>
            <a:ext cx="1558656" cy="225891"/>
          </a:xfrm>
          <a:prstGeom prst="rect">
            <a:avLst/>
          </a:prstGeom>
          <a:solidFill>
            <a:srgbClr val="FFBF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US" sz="1000" dirty="0">
                <a:solidFill>
                  <a:srgbClr val="002060"/>
                </a:solidFill>
              </a:rPr>
              <a:t>3%</a:t>
            </a:r>
          </a:p>
        </p:txBody>
      </p:sp>
      <p:sp>
        <p:nvSpPr>
          <p:cNvPr id="136" name="Rectangle 135">
            <a:extLst>
              <a:ext uri="{FF2B5EF4-FFF2-40B4-BE49-F238E27FC236}">
                <a16:creationId xmlns:a16="http://schemas.microsoft.com/office/drawing/2014/main" id="{CE0E9D76-5F01-4275-837D-07A251598C40}"/>
              </a:ext>
            </a:extLst>
          </p:cNvPr>
          <p:cNvSpPr/>
          <p:nvPr/>
        </p:nvSpPr>
        <p:spPr>
          <a:xfrm>
            <a:off x="2963125" y="5775342"/>
            <a:ext cx="91440" cy="225891"/>
          </a:xfrm>
          <a:prstGeom prst="rect">
            <a:avLst/>
          </a:prstGeom>
          <a:solidFill>
            <a:srgbClr val="FFBF6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7" name="Straight Arrow Connector 136">
            <a:extLst>
              <a:ext uri="{FF2B5EF4-FFF2-40B4-BE49-F238E27FC236}">
                <a16:creationId xmlns:a16="http://schemas.microsoft.com/office/drawing/2014/main" id="{DE4AC145-B5D4-421F-9ACA-3D8059E3BEB9}"/>
              </a:ext>
            </a:extLst>
          </p:cNvPr>
          <p:cNvCxnSpPr>
            <a:cxnSpLocks/>
            <a:stCxn id="136" idx="3"/>
            <a:endCxn id="135" idx="1"/>
          </p:cNvCxnSpPr>
          <p:nvPr/>
        </p:nvCxnSpPr>
        <p:spPr>
          <a:xfrm>
            <a:off x="3054565" y="5888288"/>
            <a:ext cx="5770155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9b39fefad822441faaec2498033d8bd1_Connector1">
            <a:extLst>
              <a:ext uri="{FF2B5EF4-FFF2-40B4-BE49-F238E27FC236}">
                <a16:creationId xmlns:a16="http://schemas.microsoft.com/office/drawing/2014/main" id="{99F1F6B8-A10D-42AD-B6CC-BBC3257D96A4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6270700" y="3588039"/>
            <a:ext cx="0" cy="648681"/>
          </a:xfrm>
          <a:prstGeom prst="line">
            <a:avLst/>
          </a:prstGeom>
          <a:ln w="9525" cap="flat" cmpd="sng" algn="ctr">
            <a:solidFill>
              <a:srgbClr val="C0504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40" name="Group 139">
            <a:extLst>
              <a:ext uri="{FF2B5EF4-FFF2-40B4-BE49-F238E27FC236}">
                <a16:creationId xmlns:a16="http://schemas.microsoft.com/office/drawing/2014/main" id="{94ADC305-AA93-442F-A94D-64C5F936BE8F}"/>
              </a:ext>
            </a:extLst>
          </p:cNvPr>
          <p:cNvGrpSpPr/>
          <p:nvPr/>
        </p:nvGrpSpPr>
        <p:grpSpPr>
          <a:xfrm>
            <a:off x="6270700" y="3588039"/>
            <a:ext cx="2455240" cy="534651"/>
            <a:chOff x="7785295" y="939169"/>
            <a:chExt cx="2455240" cy="534651"/>
          </a:xfrm>
        </p:grpSpPr>
        <p:sp>
          <p:nvSpPr>
            <p:cNvPr id="141" name="OTLSHAPE_M_9b39fefad822441faaec2498033d8bd1_Shape">
              <a:extLst>
                <a:ext uri="{FF2B5EF4-FFF2-40B4-BE49-F238E27FC236}">
                  <a16:creationId xmlns:a16="http://schemas.microsoft.com/office/drawing/2014/main" id="{E474B5E8-988F-4512-8DEE-380A28F55DA9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200">
                <a:solidFill>
                  <a:schemeClr val="bg1"/>
                </a:solidFill>
              </a:endParaRPr>
            </a:p>
          </p:txBody>
        </p: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C8C790CA-7014-4D8B-8015-98B618A8991B}"/>
                </a:ext>
              </a:extLst>
            </p:cNvPr>
            <p:cNvSpPr txBox="1"/>
            <p:nvPr/>
          </p:nvSpPr>
          <p:spPr>
            <a:xfrm>
              <a:off x="8044100" y="950600"/>
              <a:ext cx="2196435" cy="52322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4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Basic Recognition Complete</a:t>
              </a:r>
            </a:p>
            <a:p>
              <a:r>
                <a:rPr lang="en-US" sz="14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30 May</a:t>
              </a:r>
            </a:p>
          </p:txBody>
        </p:sp>
      </p:grpSp>
      <p:cxnSp>
        <p:nvCxnSpPr>
          <p:cNvPr id="147" name="OTLSHAPE_M_9b39fefad822441faaec2498033d8bd1_Connector1">
            <a:extLst>
              <a:ext uri="{FF2B5EF4-FFF2-40B4-BE49-F238E27FC236}">
                <a16:creationId xmlns:a16="http://schemas.microsoft.com/office/drawing/2014/main" id="{842800FB-7021-4D14-A81C-199C44602E32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7435962" y="4450868"/>
            <a:ext cx="2169" cy="503236"/>
          </a:xfrm>
          <a:prstGeom prst="line">
            <a:avLst/>
          </a:prstGeom>
          <a:ln w="9525" cap="flat" cmpd="sng" algn="ctr">
            <a:solidFill>
              <a:srgbClr val="C0504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48" name="Group 147">
            <a:extLst>
              <a:ext uri="{FF2B5EF4-FFF2-40B4-BE49-F238E27FC236}">
                <a16:creationId xmlns:a16="http://schemas.microsoft.com/office/drawing/2014/main" id="{F804547B-331F-492C-B17B-7408E4ADA33F}"/>
              </a:ext>
            </a:extLst>
          </p:cNvPr>
          <p:cNvGrpSpPr/>
          <p:nvPr/>
        </p:nvGrpSpPr>
        <p:grpSpPr>
          <a:xfrm>
            <a:off x="7435962" y="4469473"/>
            <a:ext cx="2390351" cy="534651"/>
            <a:chOff x="7785295" y="939169"/>
            <a:chExt cx="2390351" cy="534651"/>
          </a:xfrm>
        </p:grpSpPr>
        <p:sp>
          <p:nvSpPr>
            <p:cNvPr id="149" name="OTLSHAPE_M_9b39fefad822441faaec2498033d8bd1_Shape">
              <a:extLst>
                <a:ext uri="{FF2B5EF4-FFF2-40B4-BE49-F238E27FC236}">
                  <a16:creationId xmlns:a16="http://schemas.microsoft.com/office/drawing/2014/main" id="{8ADCC1EF-E9E6-478C-9130-BA29A4F3F7DA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200">
                <a:solidFill>
                  <a:schemeClr val="bg1"/>
                </a:solidFill>
              </a:endParaRP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183BC4C6-E0DF-4C53-93FC-C306311B97BE}"/>
                </a:ext>
              </a:extLst>
            </p:cNvPr>
            <p:cNvSpPr txBox="1"/>
            <p:nvPr/>
          </p:nvSpPr>
          <p:spPr>
            <a:xfrm>
              <a:off x="8044100" y="950600"/>
              <a:ext cx="2131546" cy="52322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4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Hierarchy Model Complete</a:t>
              </a:r>
            </a:p>
            <a:p>
              <a:r>
                <a:rPr lang="en-US" sz="14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30 Sept</a:t>
              </a:r>
            </a:p>
          </p:txBody>
        </p:sp>
      </p:grpSp>
      <p:cxnSp>
        <p:nvCxnSpPr>
          <p:cNvPr id="151" name="OTLSHAPE_M_9b39fefad822441faaec2498033d8bd1_Connector1">
            <a:extLst>
              <a:ext uri="{FF2B5EF4-FFF2-40B4-BE49-F238E27FC236}">
                <a16:creationId xmlns:a16="http://schemas.microsoft.com/office/drawing/2014/main" id="{7931E49E-149C-4218-BF6E-272CC53C6342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0351228" y="5527569"/>
            <a:ext cx="2169" cy="503236"/>
          </a:xfrm>
          <a:prstGeom prst="line">
            <a:avLst/>
          </a:prstGeom>
          <a:ln w="9525" cap="flat" cmpd="sng" algn="ctr">
            <a:solidFill>
              <a:srgbClr val="C0504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2" name="Group 151">
            <a:extLst>
              <a:ext uri="{FF2B5EF4-FFF2-40B4-BE49-F238E27FC236}">
                <a16:creationId xmlns:a16="http://schemas.microsoft.com/office/drawing/2014/main" id="{E0D8F66E-F5A3-4584-889A-1D3FFC68FD61}"/>
              </a:ext>
            </a:extLst>
          </p:cNvPr>
          <p:cNvGrpSpPr/>
          <p:nvPr/>
        </p:nvGrpSpPr>
        <p:grpSpPr>
          <a:xfrm>
            <a:off x="10351228" y="5527569"/>
            <a:ext cx="1648737" cy="534651"/>
            <a:chOff x="7785295" y="939169"/>
            <a:chExt cx="1648737" cy="534651"/>
          </a:xfrm>
        </p:grpSpPr>
        <p:sp>
          <p:nvSpPr>
            <p:cNvPr id="153" name="OTLSHAPE_M_9b39fefad822441faaec2498033d8bd1_Shape">
              <a:extLst>
                <a:ext uri="{FF2B5EF4-FFF2-40B4-BE49-F238E27FC236}">
                  <a16:creationId xmlns:a16="http://schemas.microsoft.com/office/drawing/2014/main" id="{56465BD3-BA78-4ECD-8D79-8F3E468F2FB5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3200">
                <a:solidFill>
                  <a:schemeClr val="bg1"/>
                </a:solidFill>
              </a:endParaRP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425F1D6B-4BB5-4C32-BC6C-8445FAFCBE85}"/>
                </a:ext>
              </a:extLst>
            </p:cNvPr>
            <p:cNvSpPr txBox="1"/>
            <p:nvPr/>
          </p:nvSpPr>
          <p:spPr>
            <a:xfrm>
              <a:off x="8044100" y="950600"/>
              <a:ext cx="1389932" cy="523220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14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Final Submission</a:t>
              </a:r>
            </a:p>
            <a:p>
              <a:r>
                <a:rPr lang="en-US" sz="1400" spc="-4" dirty="0">
                  <a:solidFill>
                    <a:schemeClr val="bg1"/>
                  </a:solidFill>
                  <a:latin typeface="Calibri" panose="020F0502020204030204" pitchFamily="34" charset="0"/>
                </a:rPr>
                <a:t>30 July</a:t>
              </a:r>
            </a:p>
          </p:txBody>
        </p:sp>
      </p:grpSp>
      <p:sp>
        <p:nvSpPr>
          <p:cNvPr id="155" name="TextBox 154">
            <a:extLst>
              <a:ext uri="{FF2B5EF4-FFF2-40B4-BE49-F238E27FC236}">
                <a16:creationId xmlns:a16="http://schemas.microsoft.com/office/drawing/2014/main" id="{700AA0BC-4678-4D2D-97A5-D8748B8A0932}"/>
              </a:ext>
            </a:extLst>
          </p:cNvPr>
          <p:cNvSpPr txBox="1"/>
          <p:nvPr/>
        </p:nvSpPr>
        <p:spPr>
          <a:xfrm>
            <a:off x="10418561" y="4144074"/>
            <a:ext cx="1340133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400" spc="-4" dirty="0">
                <a:solidFill>
                  <a:schemeClr val="bg1"/>
                </a:solidFill>
                <a:latin typeface="Calibri" panose="020F0502020204030204" pitchFamily="34" charset="0"/>
              </a:rPr>
              <a:t>Mar 2021 -  Aug 2022</a:t>
            </a:r>
          </a:p>
        </p:txBody>
      </p:sp>
    </p:spTree>
    <p:extLst>
      <p:ext uri="{BB962C8B-B14F-4D97-AF65-F5344CB8AC3E}">
        <p14:creationId xmlns:p14="http://schemas.microsoft.com/office/powerpoint/2010/main" val="159420065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22EACE2C-F0BB-4B26-BDA0-E1B66FC049A7}"/>
              </a:ext>
            </a:extLst>
          </p:cNvPr>
          <p:cNvSpPr txBox="1"/>
          <p:nvPr/>
        </p:nvSpPr>
        <p:spPr>
          <a:xfrm>
            <a:off x="6848475" y="3037886"/>
            <a:ext cx="5221991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altLang="ko-KR" sz="3600" b="1" dirty="0">
                <a:solidFill>
                  <a:schemeClr val="bg1"/>
                </a:solidFill>
                <a:latin typeface="+mj-lt"/>
                <a:cs typeface="Arial" pitchFamily="34" charset="0"/>
              </a:rPr>
              <a:t>06 Work in Progress</a:t>
            </a:r>
            <a:endParaRPr lang="ko-KR" altLang="en-US" sz="3600" b="1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0316627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그룹 35">
            <a:extLst>
              <a:ext uri="{FF2B5EF4-FFF2-40B4-BE49-F238E27FC236}">
                <a16:creationId xmlns:a16="http://schemas.microsoft.com/office/drawing/2014/main" id="{3EF28E97-EA60-43C2-9B75-820CB91FF030}"/>
              </a:ext>
            </a:extLst>
          </p:cNvPr>
          <p:cNvGrpSpPr/>
          <p:nvPr/>
        </p:nvGrpSpPr>
        <p:grpSpPr>
          <a:xfrm>
            <a:off x="5326209" y="1681696"/>
            <a:ext cx="1510540" cy="4514073"/>
            <a:chOff x="3802209" y="1681694"/>
            <a:chExt cx="1510540" cy="4514073"/>
          </a:xfrm>
        </p:grpSpPr>
        <p:sp>
          <p:nvSpPr>
            <p:cNvPr id="32" name="Rectangle 24">
              <a:extLst>
                <a:ext uri="{FF2B5EF4-FFF2-40B4-BE49-F238E27FC236}">
                  <a16:creationId xmlns:a16="http://schemas.microsoft.com/office/drawing/2014/main" id="{0234B3AB-A4FF-4299-9174-50EF3C1B1160}"/>
                </a:ext>
              </a:extLst>
            </p:cNvPr>
            <p:cNvSpPr/>
            <p:nvPr/>
          </p:nvSpPr>
          <p:spPr>
            <a:xfrm rot="3600000">
              <a:off x="3802210" y="2518620"/>
              <a:ext cx="1484064" cy="1484065"/>
            </a:xfrm>
            <a:custGeom>
              <a:avLst/>
              <a:gdLst/>
              <a:ahLst/>
              <a:cxnLst/>
              <a:rect l="l" t="t" r="r" b="b"/>
              <a:pathLst>
                <a:path w="1368152" h="1368152">
                  <a:moveTo>
                    <a:pt x="0" y="771505"/>
                  </a:moveTo>
                  <a:lnTo>
                    <a:pt x="771506" y="771505"/>
                  </a:lnTo>
                  <a:lnTo>
                    <a:pt x="771506" y="0"/>
                  </a:lnTo>
                  <a:lnTo>
                    <a:pt x="1368152" y="0"/>
                  </a:lnTo>
                  <a:lnTo>
                    <a:pt x="1368152" y="1368152"/>
                  </a:lnTo>
                  <a:lnTo>
                    <a:pt x="0" y="1368152"/>
                  </a:lnTo>
                  <a:close/>
                </a:path>
              </a:pathLst>
            </a:custGeom>
            <a:solidFill>
              <a:schemeClr val="accent3">
                <a:lumMod val="75000"/>
              </a:schemeClr>
            </a:solidFill>
            <a:ln>
              <a:noFill/>
            </a:ln>
            <a:scene3d>
              <a:camera prst="isometricTopUp">
                <a:rot lat="19697038" lon="2817926" rev="48691"/>
              </a:camera>
              <a:lightRig rig="threePt" dir="t"/>
            </a:scene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700" dirty="0"/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85DCBDD6-759C-4777-898F-48B8D42D1C66}"/>
                </a:ext>
              </a:extLst>
            </p:cNvPr>
            <p:cNvSpPr/>
            <p:nvPr/>
          </p:nvSpPr>
          <p:spPr>
            <a:xfrm rot="3600000">
              <a:off x="3775735" y="1734643"/>
              <a:ext cx="1589964" cy="1484065"/>
            </a:xfrm>
            <a:prstGeom prst="rect">
              <a:avLst/>
            </a:prstGeom>
            <a:solidFill>
              <a:schemeClr val="accent4">
                <a:lumMod val="75000"/>
              </a:schemeClr>
            </a:solidFill>
            <a:ln>
              <a:noFill/>
            </a:ln>
            <a:scene3d>
              <a:camera prst="isometricTopUp">
                <a:rot lat="19697038" lon="2817926" rev="48691"/>
              </a:camera>
              <a:lightRig rig="threePt" dir="t"/>
            </a:scene3d>
            <a:sp3d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700"/>
            </a:p>
          </p:txBody>
        </p:sp>
        <p:sp>
          <p:nvSpPr>
            <p:cNvPr id="34" name="Rectangle 24">
              <a:extLst>
                <a:ext uri="{FF2B5EF4-FFF2-40B4-BE49-F238E27FC236}">
                  <a16:creationId xmlns:a16="http://schemas.microsoft.com/office/drawing/2014/main" id="{C79746E7-C027-4C0D-B0CD-8A319C806F89}"/>
                </a:ext>
              </a:extLst>
            </p:cNvPr>
            <p:cNvSpPr/>
            <p:nvPr/>
          </p:nvSpPr>
          <p:spPr>
            <a:xfrm rot="3600000">
              <a:off x="3802210" y="3249647"/>
              <a:ext cx="1484064" cy="1484065"/>
            </a:xfrm>
            <a:custGeom>
              <a:avLst/>
              <a:gdLst/>
              <a:ahLst/>
              <a:cxnLst/>
              <a:rect l="l" t="t" r="r" b="b"/>
              <a:pathLst>
                <a:path w="1368152" h="1368152">
                  <a:moveTo>
                    <a:pt x="0" y="771505"/>
                  </a:moveTo>
                  <a:lnTo>
                    <a:pt x="771506" y="771505"/>
                  </a:lnTo>
                  <a:lnTo>
                    <a:pt x="771506" y="0"/>
                  </a:lnTo>
                  <a:lnTo>
                    <a:pt x="1368152" y="0"/>
                  </a:lnTo>
                  <a:lnTo>
                    <a:pt x="1368152" y="1368152"/>
                  </a:lnTo>
                  <a:lnTo>
                    <a:pt x="0" y="1368152"/>
                  </a:lnTo>
                  <a:close/>
                </a:path>
              </a:pathLst>
            </a:custGeom>
            <a:solidFill>
              <a:schemeClr val="accent2">
                <a:lumMod val="75000"/>
              </a:schemeClr>
            </a:solidFill>
            <a:ln>
              <a:noFill/>
            </a:ln>
            <a:scene3d>
              <a:camera prst="isometricTopUp">
                <a:rot lat="19697038" lon="2817926" rev="48691"/>
              </a:camera>
              <a:lightRig rig="threePt" dir="t"/>
            </a:scene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700"/>
            </a:p>
          </p:txBody>
        </p:sp>
        <p:sp>
          <p:nvSpPr>
            <p:cNvPr id="35" name="Rectangle 24">
              <a:extLst>
                <a:ext uri="{FF2B5EF4-FFF2-40B4-BE49-F238E27FC236}">
                  <a16:creationId xmlns:a16="http://schemas.microsoft.com/office/drawing/2014/main" id="{2009C3FE-144F-4B88-8A04-8E00F0DA233D}"/>
                </a:ext>
              </a:extLst>
            </p:cNvPr>
            <p:cNvSpPr/>
            <p:nvPr/>
          </p:nvSpPr>
          <p:spPr>
            <a:xfrm rot="3600000">
              <a:off x="3802210" y="3980674"/>
              <a:ext cx="1484064" cy="1484065"/>
            </a:xfrm>
            <a:custGeom>
              <a:avLst/>
              <a:gdLst/>
              <a:ahLst/>
              <a:cxnLst/>
              <a:rect l="l" t="t" r="r" b="b"/>
              <a:pathLst>
                <a:path w="1368152" h="1368152">
                  <a:moveTo>
                    <a:pt x="0" y="771505"/>
                  </a:moveTo>
                  <a:lnTo>
                    <a:pt x="771506" y="771505"/>
                  </a:lnTo>
                  <a:lnTo>
                    <a:pt x="771506" y="0"/>
                  </a:lnTo>
                  <a:lnTo>
                    <a:pt x="1368152" y="0"/>
                  </a:lnTo>
                  <a:lnTo>
                    <a:pt x="1368152" y="1368152"/>
                  </a:lnTo>
                  <a:lnTo>
                    <a:pt x="0" y="1368152"/>
                  </a:lnTo>
                  <a:close/>
                </a:path>
              </a:pathLst>
            </a:custGeom>
            <a:solidFill>
              <a:schemeClr val="accent1">
                <a:lumMod val="75000"/>
              </a:schemeClr>
            </a:solidFill>
            <a:ln>
              <a:noFill/>
            </a:ln>
            <a:scene3d>
              <a:camera prst="isometricTopUp">
                <a:rot lat="19697038" lon="2817926" rev="48691"/>
              </a:camera>
              <a:lightRig rig="threePt" dir="t"/>
            </a:scene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700"/>
            </a:p>
          </p:txBody>
        </p:sp>
        <p:sp>
          <p:nvSpPr>
            <p:cNvPr id="36" name="Rectangle 24">
              <a:extLst>
                <a:ext uri="{FF2B5EF4-FFF2-40B4-BE49-F238E27FC236}">
                  <a16:creationId xmlns:a16="http://schemas.microsoft.com/office/drawing/2014/main" id="{3BBB3778-2975-429C-BBF1-C752057F635E}"/>
                </a:ext>
              </a:extLst>
            </p:cNvPr>
            <p:cNvSpPr/>
            <p:nvPr/>
          </p:nvSpPr>
          <p:spPr>
            <a:xfrm rot="3600000">
              <a:off x="3802210" y="4711702"/>
              <a:ext cx="1484064" cy="1484065"/>
            </a:xfrm>
            <a:custGeom>
              <a:avLst/>
              <a:gdLst/>
              <a:ahLst/>
              <a:cxnLst/>
              <a:rect l="l" t="t" r="r" b="b"/>
              <a:pathLst>
                <a:path w="1368152" h="1368152">
                  <a:moveTo>
                    <a:pt x="0" y="771505"/>
                  </a:moveTo>
                  <a:lnTo>
                    <a:pt x="771506" y="771505"/>
                  </a:lnTo>
                  <a:lnTo>
                    <a:pt x="771506" y="0"/>
                  </a:lnTo>
                  <a:lnTo>
                    <a:pt x="1368152" y="0"/>
                  </a:lnTo>
                  <a:lnTo>
                    <a:pt x="1368152" y="1368152"/>
                  </a:lnTo>
                  <a:lnTo>
                    <a:pt x="0" y="1368152"/>
                  </a:lnTo>
                  <a:close/>
                </a:path>
              </a:pathLst>
            </a:custGeom>
            <a:solidFill>
              <a:schemeClr val="accent6">
                <a:lumMod val="75000"/>
              </a:schemeClr>
            </a:solidFill>
            <a:ln>
              <a:noFill/>
            </a:ln>
            <a:scene3d>
              <a:camera prst="isometricTopUp">
                <a:rot lat="19697038" lon="2817926" rev="48691"/>
              </a:camera>
              <a:lightRig rig="threePt" dir="t"/>
            </a:scene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sz="2700"/>
            </a:p>
          </p:txBody>
        </p:sp>
      </p:grp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06381AD-4C2B-4745-99B1-0BBCE6131A7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prstGeom prst="rect">
            <a:avLst/>
          </a:prstGeom>
        </p:spPr>
        <p:txBody>
          <a:bodyPr/>
          <a:lstStyle/>
          <a:p>
            <a:r>
              <a:rPr lang="en-US" dirty="0"/>
              <a:t>Work In Progress</a:t>
            </a: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C89645DB-A856-4296-A043-6A6214055E9F}"/>
              </a:ext>
            </a:extLst>
          </p:cNvPr>
          <p:cNvSpPr/>
          <p:nvPr/>
        </p:nvSpPr>
        <p:spPr>
          <a:xfrm>
            <a:off x="7275760" y="4242436"/>
            <a:ext cx="792088" cy="792088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70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8C18B02A-D042-4B9C-9122-B3B096F418A2}"/>
              </a:ext>
            </a:extLst>
          </p:cNvPr>
          <p:cNvSpPr/>
          <p:nvPr/>
        </p:nvSpPr>
        <p:spPr>
          <a:xfrm>
            <a:off x="7275760" y="2707996"/>
            <a:ext cx="792088" cy="79208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70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71C78A4E-2956-4A65-B5A2-D85DBBE64492}"/>
              </a:ext>
            </a:extLst>
          </p:cNvPr>
          <p:cNvSpPr/>
          <p:nvPr/>
        </p:nvSpPr>
        <p:spPr>
          <a:xfrm>
            <a:off x="4068991" y="5009657"/>
            <a:ext cx="792088" cy="792088"/>
          </a:xfrm>
          <a:prstGeom prst="ellipse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700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DE0A994B-C77E-49A4-8936-AAB5B8E95A5F}"/>
              </a:ext>
            </a:extLst>
          </p:cNvPr>
          <p:cNvSpPr/>
          <p:nvPr/>
        </p:nvSpPr>
        <p:spPr>
          <a:xfrm>
            <a:off x="4068991" y="3475216"/>
            <a:ext cx="792088" cy="792088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700"/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23BF0162-0665-430F-A075-7DBFBEAAD45A}"/>
              </a:ext>
            </a:extLst>
          </p:cNvPr>
          <p:cNvSpPr/>
          <p:nvPr/>
        </p:nvSpPr>
        <p:spPr>
          <a:xfrm>
            <a:off x="4068991" y="1940776"/>
            <a:ext cx="792088" cy="792088"/>
          </a:xfrm>
          <a:prstGeom prst="ellipse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70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54266D72-89E5-40B0-8592-B29A1C53DE9A}"/>
              </a:ext>
            </a:extLst>
          </p:cNvPr>
          <p:cNvGrpSpPr/>
          <p:nvPr/>
        </p:nvGrpSpPr>
        <p:grpSpPr>
          <a:xfrm>
            <a:off x="828634" y="1887074"/>
            <a:ext cx="3143416" cy="776384"/>
            <a:chOff x="1772309" y="4307149"/>
            <a:chExt cx="3116362" cy="776384"/>
          </a:xfrm>
        </p:grpSpPr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CDEE698E-3B31-42CC-BCA8-4BE773673440}"/>
                </a:ext>
              </a:extLst>
            </p:cNvPr>
            <p:cNvSpPr txBox="1"/>
            <p:nvPr/>
          </p:nvSpPr>
          <p:spPr>
            <a:xfrm>
              <a:off x="1794209" y="4560313"/>
              <a:ext cx="3071571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Study and review all the literatures available that related to the study.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C96F7AA4-546A-4F89-87EB-75A03EE85B6E}"/>
                </a:ext>
              </a:extLst>
            </p:cNvPr>
            <p:cNvSpPr txBox="1"/>
            <p:nvPr/>
          </p:nvSpPr>
          <p:spPr>
            <a:xfrm>
              <a:off x="1772309" y="4307149"/>
              <a:ext cx="3116362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Literature Review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cs typeface="Arial" pitchFamily="34" charset="0"/>
              </a:endParaRPr>
            </a:p>
          </p:txBody>
        </p: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225C31FD-6BE5-4237-B56C-C2A2692FC580}"/>
              </a:ext>
            </a:extLst>
          </p:cNvPr>
          <p:cNvGrpSpPr/>
          <p:nvPr/>
        </p:nvGrpSpPr>
        <p:grpSpPr>
          <a:xfrm>
            <a:off x="828634" y="4955955"/>
            <a:ext cx="3143416" cy="991828"/>
            <a:chOff x="1772309" y="4307149"/>
            <a:chExt cx="3116362" cy="991828"/>
          </a:xfrm>
        </p:grpSpPr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01ACE9FA-4495-40C1-9DE8-393B189107CA}"/>
                </a:ext>
              </a:extLst>
            </p:cNvPr>
            <p:cNvSpPr txBox="1"/>
            <p:nvPr/>
          </p:nvSpPr>
          <p:spPr>
            <a:xfrm>
              <a:off x="1794209" y="4560313"/>
              <a:ext cx="3071571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Train and test basic model to get the object recognized, target accuracy is as per literature.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1D0B8936-2B63-472E-B707-A01FFA323C8E}"/>
                </a:ext>
              </a:extLst>
            </p:cNvPr>
            <p:cNvSpPr txBox="1"/>
            <p:nvPr/>
          </p:nvSpPr>
          <p:spPr>
            <a:xfrm>
              <a:off x="1772309" y="4307149"/>
              <a:ext cx="3116362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Train and test basic model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cs typeface="Arial" pitchFamily="34" charset="0"/>
              </a:endParaRPr>
            </a:p>
          </p:txBody>
        </p: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E1C4A59C-C194-4FF9-86DC-04CB7AED92AF}"/>
              </a:ext>
            </a:extLst>
          </p:cNvPr>
          <p:cNvGrpSpPr/>
          <p:nvPr/>
        </p:nvGrpSpPr>
        <p:grpSpPr>
          <a:xfrm>
            <a:off x="828634" y="3421514"/>
            <a:ext cx="3143416" cy="776384"/>
            <a:chOff x="1772309" y="4307149"/>
            <a:chExt cx="3116362" cy="776384"/>
          </a:xfrm>
        </p:grpSpPr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F5017764-73A2-4EA6-AEE1-574302E30FC3}"/>
                </a:ext>
              </a:extLst>
            </p:cNvPr>
            <p:cNvSpPr txBox="1"/>
            <p:nvPr/>
          </p:nvSpPr>
          <p:spPr>
            <a:xfrm>
              <a:off x="1794209" y="4560313"/>
              <a:ext cx="3071571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Application for utilizing lab facilities remotely.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D897C0B7-F38F-41C9-9864-5E3E35BE9E5D}"/>
                </a:ext>
              </a:extLst>
            </p:cNvPr>
            <p:cNvSpPr txBox="1"/>
            <p:nvPr/>
          </p:nvSpPr>
          <p:spPr>
            <a:xfrm>
              <a:off x="1772309" y="4307149"/>
              <a:ext cx="3116362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Getting lab facilities ready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cs typeface="Arial" pitchFamily="34" charset="0"/>
              </a:endParaRPr>
            </a:p>
          </p:txBody>
        </p: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46BCAC83-6555-4BEC-AA13-9444378F3BA0}"/>
              </a:ext>
            </a:extLst>
          </p:cNvPr>
          <p:cNvGrpSpPr/>
          <p:nvPr/>
        </p:nvGrpSpPr>
        <p:grpSpPr>
          <a:xfrm>
            <a:off x="8162759" y="2654294"/>
            <a:ext cx="3143416" cy="1207271"/>
            <a:chOff x="1772309" y="4307149"/>
            <a:chExt cx="3116362" cy="1207271"/>
          </a:xfrm>
        </p:grpSpPr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D08DBEE7-4024-49B8-9B80-3ADBD316E259}"/>
                </a:ext>
              </a:extLst>
            </p:cNvPr>
            <p:cNvSpPr txBox="1"/>
            <p:nvPr/>
          </p:nvSpPr>
          <p:spPr>
            <a:xfrm>
              <a:off x="1794209" y="4560313"/>
              <a:ext cx="3071571" cy="9541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Collect all necessary input for the training &amp; testing. Example: Drawing selections, symbols, lines, python libraries</a:t>
              </a: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54ED58C0-8D16-4BEE-94CF-4BA589AF9D3F}"/>
                </a:ext>
              </a:extLst>
            </p:cNvPr>
            <p:cNvSpPr txBox="1"/>
            <p:nvPr/>
          </p:nvSpPr>
          <p:spPr>
            <a:xfrm>
              <a:off x="1772309" y="4307149"/>
              <a:ext cx="3116362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Data collection &amp; pre-processing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cs typeface="Arial" pitchFamily="34" charset="0"/>
              </a:endParaRPr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34E2E171-AD4C-4908-A301-7DA48D5C3A15}"/>
              </a:ext>
            </a:extLst>
          </p:cNvPr>
          <p:cNvGrpSpPr/>
          <p:nvPr/>
        </p:nvGrpSpPr>
        <p:grpSpPr>
          <a:xfrm>
            <a:off x="8158195" y="4188734"/>
            <a:ext cx="3143416" cy="991828"/>
            <a:chOff x="1772309" y="4307149"/>
            <a:chExt cx="3116362" cy="991828"/>
          </a:xfrm>
        </p:grpSpPr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5806B648-AB13-4B10-A4A7-68B3B9E99B21}"/>
                </a:ext>
              </a:extLst>
            </p:cNvPr>
            <p:cNvSpPr txBox="1"/>
            <p:nvPr/>
          </p:nvSpPr>
          <p:spPr>
            <a:xfrm>
              <a:off x="1794209" y="4560313"/>
              <a:ext cx="3071571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400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Object recognition model development (reproducing the literature results)</a:t>
              </a: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20D7826A-C6D3-4401-85C1-46C137289437}"/>
                </a:ext>
              </a:extLst>
            </p:cNvPr>
            <p:cNvSpPr txBox="1"/>
            <p:nvPr/>
          </p:nvSpPr>
          <p:spPr>
            <a:xfrm>
              <a:off x="1772309" y="4307149"/>
              <a:ext cx="3116362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400" b="1" dirty="0">
                  <a:solidFill>
                    <a:schemeClr val="tx1">
                      <a:lumMod val="75000"/>
                      <a:lumOff val="25000"/>
                    </a:schemeClr>
                  </a:solidFill>
                  <a:cs typeface="Arial" pitchFamily="34" charset="0"/>
                </a:rPr>
                <a:t>Basic object recognition</a:t>
              </a:r>
              <a:endParaRPr lang="ko-KR" altLang="en-US" sz="1400" b="1" dirty="0">
                <a:solidFill>
                  <a:schemeClr val="tx1">
                    <a:lumMod val="75000"/>
                    <a:lumOff val="25000"/>
                  </a:schemeClr>
                </a:solidFill>
                <a:cs typeface="Arial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6F6086D9-A041-4576-8B0C-0825E97F4971}"/>
              </a:ext>
            </a:extLst>
          </p:cNvPr>
          <p:cNvGrpSpPr/>
          <p:nvPr/>
        </p:nvGrpSpPr>
        <p:grpSpPr>
          <a:xfrm>
            <a:off x="5332077" y="2025573"/>
            <a:ext cx="1429717" cy="740204"/>
            <a:chOff x="3233964" y="1954419"/>
            <a:chExt cx="1410044" cy="740204"/>
          </a:xfrm>
          <a:scene3d>
            <a:camera prst="isometricTopUp"/>
            <a:lightRig rig="threePt" dir="t"/>
          </a:scene3d>
        </p:grpSpPr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A17A9DD2-9B2F-42AD-B623-394A7669D010}"/>
                </a:ext>
              </a:extLst>
            </p:cNvPr>
            <p:cNvSpPr txBox="1"/>
            <p:nvPr/>
          </p:nvSpPr>
          <p:spPr>
            <a:xfrm>
              <a:off x="3233964" y="1954419"/>
              <a:ext cx="1400519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sz="1400" b="1" dirty="0">
                  <a:solidFill>
                    <a:schemeClr val="bg1"/>
                  </a:solidFill>
                  <a:cs typeface="Arial" pitchFamily="34" charset="0"/>
                </a:rPr>
                <a:t>Work Done</a:t>
              </a:r>
              <a:endParaRPr lang="ko-KR" altLang="en-US" sz="1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D2467D82-CA07-44F2-9BC9-CBE42C75FFEF}"/>
                </a:ext>
              </a:extLst>
            </p:cNvPr>
            <p:cNvSpPr txBox="1"/>
            <p:nvPr/>
          </p:nvSpPr>
          <p:spPr>
            <a:xfrm>
              <a:off x="3243490" y="2171403"/>
              <a:ext cx="140051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sz="1400" b="1" dirty="0">
                  <a:solidFill>
                    <a:schemeClr val="bg1"/>
                  </a:solidFill>
                  <a:cs typeface="Arial" pitchFamily="34" charset="0"/>
                </a:rPr>
                <a:t>And Work in Progress</a:t>
              </a:r>
              <a:endParaRPr lang="ko-KR" altLang="en-US" sz="1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26" name="Rectangle 7">
            <a:extLst>
              <a:ext uri="{FF2B5EF4-FFF2-40B4-BE49-F238E27FC236}">
                <a16:creationId xmlns:a16="http://schemas.microsoft.com/office/drawing/2014/main" id="{FD06EF8E-55BD-4F66-A7C7-E52E92A67795}"/>
              </a:ext>
            </a:extLst>
          </p:cNvPr>
          <p:cNvSpPr/>
          <p:nvPr/>
        </p:nvSpPr>
        <p:spPr>
          <a:xfrm>
            <a:off x="4304015" y="5232952"/>
            <a:ext cx="322040" cy="322040"/>
          </a:xfrm>
          <a:custGeom>
            <a:avLst/>
            <a:gdLst/>
            <a:ahLst/>
            <a:cxnLst/>
            <a:rect l="l" t="t" r="r" b="b"/>
            <a:pathLst>
              <a:path w="3240000" h="3240000">
                <a:moveTo>
                  <a:pt x="401869" y="2055482"/>
                </a:moveTo>
                <a:lnTo>
                  <a:pt x="869869" y="2055482"/>
                </a:lnTo>
                <a:lnTo>
                  <a:pt x="869869" y="2919482"/>
                </a:lnTo>
                <a:lnTo>
                  <a:pt x="401869" y="2919482"/>
                </a:lnTo>
                <a:close/>
                <a:moveTo>
                  <a:pt x="1121949" y="1695482"/>
                </a:moveTo>
                <a:lnTo>
                  <a:pt x="1589949" y="1695482"/>
                </a:lnTo>
                <a:lnTo>
                  <a:pt x="1589949" y="2919482"/>
                </a:lnTo>
                <a:lnTo>
                  <a:pt x="1121949" y="2919482"/>
                </a:lnTo>
                <a:close/>
                <a:moveTo>
                  <a:pt x="1842029" y="1335482"/>
                </a:moveTo>
                <a:lnTo>
                  <a:pt x="2310029" y="1335482"/>
                </a:lnTo>
                <a:lnTo>
                  <a:pt x="2310029" y="2919482"/>
                </a:lnTo>
                <a:lnTo>
                  <a:pt x="1842029" y="2919482"/>
                </a:lnTo>
                <a:close/>
                <a:moveTo>
                  <a:pt x="2562109" y="975482"/>
                </a:moveTo>
                <a:lnTo>
                  <a:pt x="3030109" y="975482"/>
                </a:lnTo>
                <a:lnTo>
                  <a:pt x="3030109" y="2919482"/>
                </a:lnTo>
                <a:lnTo>
                  <a:pt x="2562109" y="2919482"/>
                </a:lnTo>
                <a:close/>
                <a:moveTo>
                  <a:pt x="2321888" y="224805"/>
                </a:moveTo>
                <a:lnTo>
                  <a:pt x="2880631" y="247420"/>
                </a:lnTo>
                <a:lnTo>
                  <a:pt x="2620844" y="742612"/>
                </a:lnTo>
                <a:lnTo>
                  <a:pt x="2546105" y="613161"/>
                </a:lnTo>
                <a:lnTo>
                  <a:pt x="541555" y="1770488"/>
                </a:lnTo>
                <a:lnTo>
                  <a:pt x="392077" y="1511585"/>
                </a:lnTo>
                <a:lnTo>
                  <a:pt x="2396627" y="354257"/>
                </a:lnTo>
                <a:close/>
                <a:moveTo>
                  <a:pt x="0" y="0"/>
                </a:moveTo>
                <a:lnTo>
                  <a:pt x="180000" y="0"/>
                </a:lnTo>
                <a:lnTo>
                  <a:pt x="180000" y="3059999"/>
                </a:lnTo>
                <a:lnTo>
                  <a:pt x="3240000" y="3059999"/>
                </a:lnTo>
                <a:lnTo>
                  <a:pt x="3240000" y="3239999"/>
                </a:lnTo>
                <a:lnTo>
                  <a:pt x="180000" y="3239999"/>
                </a:lnTo>
                <a:lnTo>
                  <a:pt x="180000" y="3240000"/>
                </a:lnTo>
                <a:lnTo>
                  <a:pt x="0" y="3240000"/>
                </a:lnTo>
                <a:lnTo>
                  <a:pt x="0" y="3239999"/>
                </a:lnTo>
                <a:lnTo>
                  <a:pt x="0" y="305999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ko-KR"/>
            </a:defPPr>
            <a:lvl1pPr marL="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dirty="0"/>
          </a:p>
        </p:txBody>
      </p:sp>
      <p:sp>
        <p:nvSpPr>
          <p:cNvPr id="27" name="Rounded Rectangle 10">
            <a:extLst>
              <a:ext uri="{FF2B5EF4-FFF2-40B4-BE49-F238E27FC236}">
                <a16:creationId xmlns:a16="http://schemas.microsoft.com/office/drawing/2014/main" id="{B60C8652-611F-4B60-A63D-DA5FD3036CCB}"/>
              </a:ext>
            </a:extLst>
          </p:cNvPr>
          <p:cNvSpPr/>
          <p:nvPr/>
        </p:nvSpPr>
        <p:spPr>
          <a:xfrm>
            <a:off x="7559840" y="4487134"/>
            <a:ext cx="254160" cy="336352"/>
          </a:xfrm>
          <a:custGeom>
            <a:avLst/>
            <a:gdLst/>
            <a:ahLst/>
            <a:cxnLst/>
            <a:rect l="l" t="t" r="r" b="b"/>
            <a:pathLst>
              <a:path w="2448272" h="3240000">
                <a:moveTo>
                  <a:pt x="1358676" y="2676152"/>
                </a:moveTo>
                <a:cubicBezTo>
                  <a:pt x="1327753" y="2676152"/>
                  <a:pt x="1302685" y="2701220"/>
                  <a:pt x="1302685" y="2732143"/>
                </a:cubicBezTo>
                <a:lnTo>
                  <a:pt x="1302685" y="2956101"/>
                </a:lnTo>
                <a:cubicBezTo>
                  <a:pt x="1302685" y="2987024"/>
                  <a:pt x="1327753" y="3012092"/>
                  <a:pt x="1358676" y="3012092"/>
                </a:cubicBezTo>
                <a:lnTo>
                  <a:pt x="1582634" y="3012092"/>
                </a:lnTo>
                <a:cubicBezTo>
                  <a:pt x="1613557" y="3012092"/>
                  <a:pt x="1638625" y="2987024"/>
                  <a:pt x="1638625" y="2956101"/>
                </a:cubicBezTo>
                <a:lnTo>
                  <a:pt x="1638625" y="2732143"/>
                </a:lnTo>
                <a:cubicBezTo>
                  <a:pt x="1638625" y="2701220"/>
                  <a:pt x="1613557" y="2676152"/>
                  <a:pt x="1582634" y="2676152"/>
                </a:cubicBezTo>
                <a:close/>
                <a:moveTo>
                  <a:pt x="837062" y="2676152"/>
                </a:moveTo>
                <a:cubicBezTo>
                  <a:pt x="806139" y="2676152"/>
                  <a:pt x="781071" y="2701220"/>
                  <a:pt x="781071" y="2732143"/>
                </a:cubicBezTo>
                <a:lnTo>
                  <a:pt x="781071" y="2956101"/>
                </a:lnTo>
                <a:cubicBezTo>
                  <a:pt x="781071" y="2987024"/>
                  <a:pt x="806139" y="3012092"/>
                  <a:pt x="837062" y="3012092"/>
                </a:cubicBezTo>
                <a:lnTo>
                  <a:pt x="1061020" y="3012092"/>
                </a:lnTo>
                <a:cubicBezTo>
                  <a:pt x="1091943" y="3012092"/>
                  <a:pt x="1117011" y="2987024"/>
                  <a:pt x="1117011" y="2956101"/>
                </a:cubicBezTo>
                <a:lnTo>
                  <a:pt x="1117011" y="2732143"/>
                </a:lnTo>
                <a:cubicBezTo>
                  <a:pt x="1117011" y="2701220"/>
                  <a:pt x="1091943" y="2676152"/>
                  <a:pt x="1061020" y="2676152"/>
                </a:cubicBezTo>
                <a:close/>
                <a:moveTo>
                  <a:pt x="315448" y="2676152"/>
                </a:moveTo>
                <a:cubicBezTo>
                  <a:pt x="284525" y="2676152"/>
                  <a:pt x="259457" y="2701220"/>
                  <a:pt x="259457" y="2732143"/>
                </a:cubicBezTo>
                <a:lnTo>
                  <a:pt x="259457" y="2956101"/>
                </a:lnTo>
                <a:cubicBezTo>
                  <a:pt x="259457" y="2987024"/>
                  <a:pt x="284525" y="3012092"/>
                  <a:pt x="315448" y="3012092"/>
                </a:cubicBezTo>
                <a:lnTo>
                  <a:pt x="539406" y="3012092"/>
                </a:lnTo>
                <a:cubicBezTo>
                  <a:pt x="570329" y="3012092"/>
                  <a:pt x="595397" y="2987024"/>
                  <a:pt x="595397" y="2956101"/>
                </a:cubicBezTo>
                <a:lnTo>
                  <a:pt x="595397" y="2732143"/>
                </a:lnTo>
                <a:cubicBezTo>
                  <a:pt x="595397" y="2701220"/>
                  <a:pt x="570329" y="2676152"/>
                  <a:pt x="539406" y="2676152"/>
                </a:cubicBezTo>
                <a:close/>
                <a:moveTo>
                  <a:pt x="1880291" y="2179832"/>
                </a:moveTo>
                <a:cubicBezTo>
                  <a:pt x="1849368" y="2179832"/>
                  <a:pt x="1824300" y="2204900"/>
                  <a:pt x="1824300" y="2235823"/>
                </a:cubicBezTo>
                <a:lnTo>
                  <a:pt x="1824300" y="2956101"/>
                </a:lnTo>
                <a:cubicBezTo>
                  <a:pt x="1824300" y="2987024"/>
                  <a:pt x="1849368" y="3012092"/>
                  <a:pt x="1880291" y="3012092"/>
                </a:cubicBezTo>
                <a:lnTo>
                  <a:pt x="2104249" y="3012092"/>
                </a:lnTo>
                <a:cubicBezTo>
                  <a:pt x="2135172" y="3012092"/>
                  <a:pt x="2160240" y="2987024"/>
                  <a:pt x="2160240" y="2956101"/>
                </a:cubicBezTo>
                <a:lnTo>
                  <a:pt x="2160240" y="2235823"/>
                </a:lnTo>
                <a:cubicBezTo>
                  <a:pt x="2160240" y="2204900"/>
                  <a:pt x="2135172" y="2179832"/>
                  <a:pt x="2104249" y="2179832"/>
                </a:cubicBezTo>
                <a:close/>
                <a:moveTo>
                  <a:pt x="1358676" y="2179832"/>
                </a:moveTo>
                <a:cubicBezTo>
                  <a:pt x="1327753" y="2179832"/>
                  <a:pt x="1302685" y="2204900"/>
                  <a:pt x="1302685" y="2235823"/>
                </a:cubicBezTo>
                <a:lnTo>
                  <a:pt x="1302685" y="2459781"/>
                </a:lnTo>
                <a:cubicBezTo>
                  <a:pt x="1302685" y="2490704"/>
                  <a:pt x="1327753" y="2515772"/>
                  <a:pt x="1358676" y="2515772"/>
                </a:cubicBezTo>
                <a:lnTo>
                  <a:pt x="1582634" y="2515772"/>
                </a:lnTo>
                <a:cubicBezTo>
                  <a:pt x="1613557" y="2515772"/>
                  <a:pt x="1638625" y="2490704"/>
                  <a:pt x="1638625" y="2459781"/>
                </a:cubicBezTo>
                <a:lnTo>
                  <a:pt x="1638625" y="2235823"/>
                </a:lnTo>
                <a:cubicBezTo>
                  <a:pt x="1638625" y="2204900"/>
                  <a:pt x="1613557" y="2179832"/>
                  <a:pt x="1582634" y="2179832"/>
                </a:cubicBezTo>
                <a:close/>
                <a:moveTo>
                  <a:pt x="837062" y="2179832"/>
                </a:moveTo>
                <a:cubicBezTo>
                  <a:pt x="806139" y="2179832"/>
                  <a:pt x="781071" y="2204900"/>
                  <a:pt x="781071" y="2235823"/>
                </a:cubicBezTo>
                <a:lnTo>
                  <a:pt x="781071" y="2459781"/>
                </a:lnTo>
                <a:cubicBezTo>
                  <a:pt x="781071" y="2490704"/>
                  <a:pt x="806139" y="2515772"/>
                  <a:pt x="837062" y="2515772"/>
                </a:cubicBezTo>
                <a:lnTo>
                  <a:pt x="1061020" y="2515772"/>
                </a:lnTo>
                <a:cubicBezTo>
                  <a:pt x="1091943" y="2515772"/>
                  <a:pt x="1117011" y="2490704"/>
                  <a:pt x="1117011" y="2459781"/>
                </a:cubicBezTo>
                <a:lnTo>
                  <a:pt x="1117011" y="2235823"/>
                </a:lnTo>
                <a:cubicBezTo>
                  <a:pt x="1117011" y="2204900"/>
                  <a:pt x="1091943" y="2179832"/>
                  <a:pt x="1061020" y="2179832"/>
                </a:cubicBezTo>
                <a:close/>
                <a:moveTo>
                  <a:pt x="315448" y="2179832"/>
                </a:moveTo>
                <a:cubicBezTo>
                  <a:pt x="284525" y="2179832"/>
                  <a:pt x="259457" y="2204900"/>
                  <a:pt x="259457" y="2235823"/>
                </a:cubicBezTo>
                <a:lnTo>
                  <a:pt x="259457" y="2459781"/>
                </a:lnTo>
                <a:cubicBezTo>
                  <a:pt x="259457" y="2490704"/>
                  <a:pt x="284525" y="2515772"/>
                  <a:pt x="315448" y="2515772"/>
                </a:cubicBezTo>
                <a:lnTo>
                  <a:pt x="539406" y="2515772"/>
                </a:lnTo>
                <a:cubicBezTo>
                  <a:pt x="570329" y="2515772"/>
                  <a:pt x="595397" y="2490704"/>
                  <a:pt x="595397" y="2459781"/>
                </a:cubicBezTo>
                <a:lnTo>
                  <a:pt x="595397" y="2235823"/>
                </a:lnTo>
                <a:cubicBezTo>
                  <a:pt x="595397" y="2204900"/>
                  <a:pt x="570329" y="2179832"/>
                  <a:pt x="539406" y="2179832"/>
                </a:cubicBezTo>
                <a:close/>
                <a:moveTo>
                  <a:pt x="1880291" y="1683512"/>
                </a:moveTo>
                <a:cubicBezTo>
                  <a:pt x="1849368" y="1683512"/>
                  <a:pt x="1824300" y="1708580"/>
                  <a:pt x="1824300" y="1739503"/>
                </a:cubicBezTo>
                <a:lnTo>
                  <a:pt x="1824300" y="1963461"/>
                </a:lnTo>
                <a:cubicBezTo>
                  <a:pt x="1824300" y="1994384"/>
                  <a:pt x="1849368" y="2019452"/>
                  <a:pt x="1880291" y="2019452"/>
                </a:cubicBezTo>
                <a:lnTo>
                  <a:pt x="2104249" y="2019452"/>
                </a:lnTo>
                <a:cubicBezTo>
                  <a:pt x="2135172" y="2019452"/>
                  <a:pt x="2160240" y="1994384"/>
                  <a:pt x="2160240" y="1963461"/>
                </a:cubicBezTo>
                <a:lnTo>
                  <a:pt x="2160240" y="1739503"/>
                </a:lnTo>
                <a:cubicBezTo>
                  <a:pt x="2160240" y="1708580"/>
                  <a:pt x="2135172" y="1683512"/>
                  <a:pt x="2104249" y="1683512"/>
                </a:cubicBezTo>
                <a:close/>
                <a:moveTo>
                  <a:pt x="1358676" y="1683512"/>
                </a:moveTo>
                <a:cubicBezTo>
                  <a:pt x="1327753" y="1683512"/>
                  <a:pt x="1302685" y="1708580"/>
                  <a:pt x="1302685" y="1739503"/>
                </a:cubicBezTo>
                <a:lnTo>
                  <a:pt x="1302685" y="1963461"/>
                </a:lnTo>
                <a:cubicBezTo>
                  <a:pt x="1302685" y="1994384"/>
                  <a:pt x="1327753" y="2019452"/>
                  <a:pt x="1358676" y="2019452"/>
                </a:cubicBezTo>
                <a:lnTo>
                  <a:pt x="1582634" y="2019452"/>
                </a:lnTo>
                <a:cubicBezTo>
                  <a:pt x="1613557" y="2019452"/>
                  <a:pt x="1638625" y="1994384"/>
                  <a:pt x="1638625" y="1963461"/>
                </a:cubicBezTo>
                <a:lnTo>
                  <a:pt x="1638625" y="1739503"/>
                </a:lnTo>
                <a:cubicBezTo>
                  <a:pt x="1638625" y="1708580"/>
                  <a:pt x="1613557" y="1683512"/>
                  <a:pt x="1582634" y="1683512"/>
                </a:cubicBezTo>
                <a:close/>
                <a:moveTo>
                  <a:pt x="837062" y="1683512"/>
                </a:moveTo>
                <a:cubicBezTo>
                  <a:pt x="806139" y="1683512"/>
                  <a:pt x="781071" y="1708580"/>
                  <a:pt x="781071" y="1739503"/>
                </a:cubicBezTo>
                <a:lnTo>
                  <a:pt x="781071" y="1963461"/>
                </a:lnTo>
                <a:cubicBezTo>
                  <a:pt x="781071" y="1994384"/>
                  <a:pt x="806139" y="2019452"/>
                  <a:pt x="837062" y="2019452"/>
                </a:cubicBezTo>
                <a:lnTo>
                  <a:pt x="1061020" y="2019452"/>
                </a:lnTo>
                <a:cubicBezTo>
                  <a:pt x="1091943" y="2019452"/>
                  <a:pt x="1117011" y="1994384"/>
                  <a:pt x="1117011" y="1963461"/>
                </a:cubicBezTo>
                <a:lnTo>
                  <a:pt x="1117011" y="1739503"/>
                </a:lnTo>
                <a:cubicBezTo>
                  <a:pt x="1117011" y="1708580"/>
                  <a:pt x="1091943" y="1683512"/>
                  <a:pt x="1061020" y="1683512"/>
                </a:cubicBezTo>
                <a:close/>
                <a:moveTo>
                  <a:pt x="315448" y="1683512"/>
                </a:moveTo>
                <a:cubicBezTo>
                  <a:pt x="284525" y="1683512"/>
                  <a:pt x="259457" y="1708580"/>
                  <a:pt x="259457" y="1739503"/>
                </a:cubicBezTo>
                <a:lnTo>
                  <a:pt x="259457" y="1963461"/>
                </a:lnTo>
                <a:cubicBezTo>
                  <a:pt x="259457" y="1994384"/>
                  <a:pt x="284525" y="2019452"/>
                  <a:pt x="315448" y="2019452"/>
                </a:cubicBezTo>
                <a:lnTo>
                  <a:pt x="539406" y="2019452"/>
                </a:lnTo>
                <a:cubicBezTo>
                  <a:pt x="570329" y="2019452"/>
                  <a:pt x="595397" y="1994384"/>
                  <a:pt x="595397" y="1963461"/>
                </a:cubicBezTo>
                <a:lnTo>
                  <a:pt x="595397" y="1739503"/>
                </a:lnTo>
                <a:cubicBezTo>
                  <a:pt x="595397" y="1708580"/>
                  <a:pt x="570329" y="1683512"/>
                  <a:pt x="539406" y="1683512"/>
                </a:cubicBezTo>
                <a:close/>
                <a:moveTo>
                  <a:pt x="1880291" y="1187192"/>
                </a:moveTo>
                <a:cubicBezTo>
                  <a:pt x="1849368" y="1187192"/>
                  <a:pt x="1824300" y="1212260"/>
                  <a:pt x="1824300" y="1243183"/>
                </a:cubicBezTo>
                <a:lnTo>
                  <a:pt x="1824300" y="1467141"/>
                </a:lnTo>
                <a:cubicBezTo>
                  <a:pt x="1824300" y="1498064"/>
                  <a:pt x="1849368" y="1523132"/>
                  <a:pt x="1880291" y="1523132"/>
                </a:cubicBezTo>
                <a:lnTo>
                  <a:pt x="2104249" y="1523132"/>
                </a:lnTo>
                <a:cubicBezTo>
                  <a:pt x="2135172" y="1523132"/>
                  <a:pt x="2160240" y="1498064"/>
                  <a:pt x="2160240" y="1467141"/>
                </a:cubicBezTo>
                <a:lnTo>
                  <a:pt x="2160240" y="1243183"/>
                </a:lnTo>
                <a:cubicBezTo>
                  <a:pt x="2160240" y="1212260"/>
                  <a:pt x="2135172" y="1187192"/>
                  <a:pt x="2104249" y="1187192"/>
                </a:cubicBezTo>
                <a:close/>
                <a:moveTo>
                  <a:pt x="1358676" y="1187192"/>
                </a:moveTo>
                <a:cubicBezTo>
                  <a:pt x="1327753" y="1187192"/>
                  <a:pt x="1302685" y="1212260"/>
                  <a:pt x="1302685" y="1243183"/>
                </a:cubicBezTo>
                <a:lnTo>
                  <a:pt x="1302685" y="1467141"/>
                </a:lnTo>
                <a:cubicBezTo>
                  <a:pt x="1302685" y="1498064"/>
                  <a:pt x="1327753" y="1523132"/>
                  <a:pt x="1358676" y="1523132"/>
                </a:cubicBezTo>
                <a:lnTo>
                  <a:pt x="1582634" y="1523132"/>
                </a:lnTo>
                <a:cubicBezTo>
                  <a:pt x="1613557" y="1523132"/>
                  <a:pt x="1638625" y="1498064"/>
                  <a:pt x="1638625" y="1467141"/>
                </a:cubicBezTo>
                <a:lnTo>
                  <a:pt x="1638625" y="1243183"/>
                </a:lnTo>
                <a:cubicBezTo>
                  <a:pt x="1638625" y="1212260"/>
                  <a:pt x="1613557" y="1187192"/>
                  <a:pt x="1582634" y="1187192"/>
                </a:cubicBezTo>
                <a:close/>
                <a:moveTo>
                  <a:pt x="837062" y="1187192"/>
                </a:moveTo>
                <a:cubicBezTo>
                  <a:pt x="806139" y="1187192"/>
                  <a:pt x="781071" y="1212260"/>
                  <a:pt x="781071" y="1243183"/>
                </a:cubicBezTo>
                <a:lnTo>
                  <a:pt x="781071" y="1467141"/>
                </a:lnTo>
                <a:cubicBezTo>
                  <a:pt x="781071" y="1498064"/>
                  <a:pt x="806139" y="1523132"/>
                  <a:pt x="837062" y="1523132"/>
                </a:cubicBezTo>
                <a:lnTo>
                  <a:pt x="1061020" y="1523132"/>
                </a:lnTo>
                <a:cubicBezTo>
                  <a:pt x="1091943" y="1523132"/>
                  <a:pt x="1117011" y="1498064"/>
                  <a:pt x="1117011" y="1467141"/>
                </a:cubicBezTo>
                <a:lnTo>
                  <a:pt x="1117011" y="1243183"/>
                </a:lnTo>
                <a:cubicBezTo>
                  <a:pt x="1117011" y="1212260"/>
                  <a:pt x="1091943" y="1187192"/>
                  <a:pt x="1061020" y="1187192"/>
                </a:cubicBezTo>
                <a:close/>
                <a:moveTo>
                  <a:pt x="315448" y="1187192"/>
                </a:moveTo>
                <a:cubicBezTo>
                  <a:pt x="284525" y="1187192"/>
                  <a:pt x="259457" y="1212260"/>
                  <a:pt x="259457" y="1243183"/>
                </a:cubicBezTo>
                <a:lnTo>
                  <a:pt x="259457" y="1467141"/>
                </a:lnTo>
                <a:cubicBezTo>
                  <a:pt x="259457" y="1498064"/>
                  <a:pt x="284525" y="1523132"/>
                  <a:pt x="315448" y="1523132"/>
                </a:cubicBezTo>
                <a:lnTo>
                  <a:pt x="539406" y="1523132"/>
                </a:lnTo>
                <a:cubicBezTo>
                  <a:pt x="570329" y="1523132"/>
                  <a:pt x="595397" y="1498064"/>
                  <a:pt x="595397" y="1467141"/>
                </a:cubicBezTo>
                <a:lnTo>
                  <a:pt x="595397" y="1243183"/>
                </a:lnTo>
                <a:cubicBezTo>
                  <a:pt x="595397" y="1212260"/>
                  <a:pt x="570329" y="1187192"/>
                  <a:pt x="539406" y="1187192"/>
                </a:cubicBezTo>
                <a:close/>
                <a:moveTo>
                  <a:pt x="348041" y="163575"/>
                </a:moveTo>
                <a:cubicBezTo>
                  <a:pt x="275130" y="163575"/>
                  <a:pt x="216024" y="222681"/>
                  <a:pt x="216024" y="295592"/>
                </a:cubicBezTo>
                <a:lnTo>
                  <a:pt x="216024" y="823646"/>
                </a:lnTo>
                <a:cubicBezTo>
                  <a:pt x="216024" y="896557"/>
                  <a:pt x="275130" y="955663"/>
                  <a:pt x="348041" y="955663"/>
                </a:cubicBezTo>
                <a:lnTo>
                  <a:pt x="2100231" y="955663"/>
                </a:lnTo>
                <a:cubicBezTo>
                  <a:pt x="2173142" y="955663"/>
                  <a:pt x="2232248" y="896557"/>
                  <a:pt x="2232248" y="823646"/>
                </a:cubicBezTo>
                <a:lnTo>
                  <a:pt x="2232248" y="295592"/>
                </a:lnTo>
                <a:cubicBezTo>
                  <a:pt x="2232248" y="222681"/>
                  <a:pt x="2173142" y="163575"/>
                  <a:pt x="2100231" y="163575"/>
                </a:cubicBezTo>
                <a:close/>
                <a:moveTo>
                  <a:pt x="265172" y="0"/>
                </a:moveTo>
                <a:lnTo>
                  <a:pt x="2183100" y="0"/>
                </a:lnTo>
                <a:cubicBezTo>
                  <a:pt x="2329550" y="0"/>
                  <a:pt x="2448272" y="118722"/>
                  <a:pt x="2448272" y="265172"/>
                </a:cubicBezTo>
                <a:lnTo>
                  <a:pt x="2448272" y="2974828"/>
                </a:lnTo>
                <a:cubicBezTo>
                  <a:pt x="2448272" y="3121278"/>
                  <a:pt x="2329550" y="3240000"/>
                  <a:pt x="2183100" y="3240000"/>
                </a:cubicBezTo>
                <a:lnTo>
                  <a:pt x="265172" y="3240000"/>
                </a:lnTo>
                <a:cubicBezTo>
                  <a:pt x="118722" y="3240000"/>
                  <a:pt x="0" y="3121278"/>
                  <a:pt x="0" y="2974828"/>
                </a:cubicBezTo>
                <a:lnTo>
                  <a:pt x="0" y="265172"/>
                </a:lnTo>
                <a:cubicBezTo>
                  <a:pt x="0" y="118722"/>
                  <a:pt x="118722" y="0"/>
                  <a:pt x="265172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ko-KR"/>
            </a:defPPr>
            <a:lvl1pPr marL="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dirty="0"/>
          </a:p>
        </p:txBody>
      </p:sp>
      <p:sp>
        <p:nvSpPr>
          <p:cNvPr id="28" name="Rounded Rectangle 5">
            <a:extLst>
              <a:ext uri="{FF2B5EF4-FFF2-40B4-BE49-F238E27FC236}">
                <a16:creationId xmlns:a16="http://schemas.microsoft.com/office/drawing/2014/main" id="{845AA80E-DB51-43AE-AF8D-5DCCEECA29BC}"/>
              </a:ext>
            </a:extLst>
          </p:cNvPr>
          <p:cNvSpPr/>
          <p:nvPr/>
        </p:nvSpPr>
        <p:spPr>
          <a:xfrm flipH="1">
            <a:off x="4256140" y="3720894"/>
            <a:ext cx="391682" cy="323114"/>
          </a:xfrm>
          <a:custGeom>
            <a:avLst/>
            <a:gdLst>
              <a:gd name="connsiteX0" fmla="*/ 1384251 w 3217557"/>
              <a:gd name="connsiteY0" fmla="*/ 661544 h 2702049"/>
              <a:gd name="connsiteX1" fmla="*/ 1574067 w 3217557"/>
              <a:gd name="connsiteY1" fmla="*/ 851360 h 2702049"/>
              <a:gd name="connsiteX2" fmla="*/ 1384251 w 3217557"/>
              <a:gd name="connsiteY2" fmla="*/ 1041176 h 2702049"/>
              <a:gd name="connsiteX3" fmla="*/ 1194435 w 3217557"/>
              <a:gd name="connsiteY3" fmla="*/ 851360 h 2702049"/>
              <a:gd name="connsiteX4" fmla="*/ 1384251 w 3217557"/>
              <a:gd name="connsiteY4" fmla="*/ 661544 h 2702049"/>
              <a:gd name="connsiteX5" fmla="*/ 1993421 w 3217557"/>
              <a:gd name="connsiteY5" fmla="*/ 661544 h 2702049"/>
              <a:gd name="connsiteX6" fmla="*/ 2183237 w 3217557"/>
              <a:gd name="connsiteY6" fmla="*/ 851360 h 2702049"/>
              <a:gd name="connsiteX7" fmla="*/ 1993421 w 3217557"/>
              <a:gd name="connsiteY7" fmla="*/ 1041176 h 2702049"/>
              <a:gd name="connsiteX8" fmla="*/ 1803605 w 3217557"/>
              <a:gd name="connsiteY8" fmla="*/ 851360 h 2702049"/>
              <a:gd name="connsiteX9" fmla="*/ 1993421 w 3217557"/>
              <a:gd name="connsiteY9" fmla="*/ 661544 h 2702049"/>
              <a:gd name="connsiteX10" fmla="*/ 2602591 w 3217557"/>
              <a:gd name="connsiteY10" fmla="*/ 661544 h 2702049"/>
              <a:gd name="connsiteX11" fmla="*/ 2792407 w 3217557"/>
              <a:gd name="connsiteY11" fmla="*/ 851360 h 2702049"/>
              <a:gd name="connsiteX12" fmla="*/ 2602591 w 3217557"/>
              <a:gd name="connsiteY12" fmla="*/ 1041176 h 2702049"/>
              <a:gd name="connsiteX13" fmla="*/ 2412775 w 3217557"/>
              <a:gd name="connsiteY13" fmla="*/ 851360 h 2702049"/>
              <a:gd name="connsiteX14" fmla="*/ 2602591 w 3217557"/>
              <a:gd name="connsiteY14" fmla="*/ 661544 h 2702049"/>
              <a:gd name="connsiteX15" fmla="*/ 677114 w 3217557"/>
              <a:gd name="connsiteY15" fmla="*/ 569491 h 2702049"/>
              <a:gd name="connsiteX16" fmla="*/ 330916 w 3217557"/>
              <a:gd name="connsiteY16" fmla="*/ 569491 h 2702049"/>
              <a:gd name="connsiteX17" fmla="*/ 0 w 3217557"/>
              <a:gd name="connsiteY17" fmla="*/ 900407 h 2702049"/>
              <a:gd name="connsiteX18" fmla="*/ 0 w 3217557"/>
              <a:gd name="connsiteY18" fmla="*/ 1952009 h 2702049"/>
              <a:gd name="connsiteX19" fmla="*/ 330916 w 3217557"/>
              <a:gd name="connsiteY19" fmla="*/ 2282925 h 2702049"/>
              <a:gd name="connsiteX20" fmla="*/ 711670 w 3217557"/>
              <a:gd name="connsiteY20" fmla="*/ 2282925 h 2702049"/>
              <a:gd name="connsiteX21" fmla="*/ 15770 w 3217557"/>
              <a:gd name="connsiteY21" fmla="*/ 2702049 h 2702049"/>
              <a:gd name="connsiteX22" fmla="*/ 1294529 w 3217557"/>
              <a:gd name="connsiteY22" fmla="*/ 2282925 h 2702049"/>
              <a:gd name="connsiteX23" fmla="*/ 2117356 w 3217557"/>
              <a:gd name="connsiteY23" fmla="*/ 2282925 h 2702049"/>
              <a:gd name="connsiteX24" fmla="*/ 2418395 w 3217557"/>
              <a:gd name="connsiteY24" fmla="*/ 2087951 h 2702049"/>
              <a:gd name="connsiteX25" fmla="*/ 1830857 w 3217557"/>
              <a:gd name="connsiteY25" fmla="*/ 1799347 h 2702049"/>
              <a:gd name="connsiteX26" fmla="*/ 1008030 w 3217557"/>
              <a:gd name="connsiteY26" fmla="*/ 1799347 h 2702049"/>
              <a:gd name="connsiteX27" fmla="*/ 677114 w 3217557"/>
              <a:gd name="connsiteY27" fmla="*/ 1468431 h 2702049"/>
              <a:gd name="connsiteX28" fmla="*/ 677114 w 3217557"/>
              <a:gd name="connsiteY28" fmla="*/ 569491 h 2702049"/>
              <a:gd name="connsiteX29" fmla="*/ 2886641 w 3217557"/>
              <a:gd name="connsiteY29" fmla="*/ 0 h 2702049"/>
              <a:gd name="connsiteX30" fmla="*/ 1100201 w 3217557"/>
              <a:gd name="connsiteY30" fmla="*/ 0 h 2702049"/>
              <a:gd name="connsiteX31" fmla="*/ 769285 w 3217557"/>
              <a:gd name="connsiteY31" fmla="*/ 330916 h 2702049"/>
              <a:gd name="connsiteX32" fmla="*/ 769285 w 3217557"/>
              <a:gd name="connsiteY32" fmla="*/ 1382518 h 2702049"/>
              <a:gd name="connsiteX33" fmla="*/ 1100201 w 3217557"/>
              <a:gd name="connsiteY33" fmla="*/ 1713434 h 2702049"/>
              <a:gd name="connsiteX34" fmla="*/ 1923028 w 3217557"/>
              <a:gd name="connsiteY34" fmla="*/ 1713434 h 2702049"/>
              <a:gd name="connsiteX35" fmla="*/ 3078958 w 3217557"/>
              <a:gd name="connsiteY35" fmla="*/ 2077967 h 2702049"/>
              <a:gd name="connsiteX36" fmla="*/ 2505887 w 3217557"/>
              <a:gd name="connsiteY36" fmla="*/ 1713434 h 2702049"/>
              <a:gd name="connsiteX37" fmla="*/ 2886641 w 3217557"/>
              <a:gd name="connsiteY37" fmla="*/ 1713434 h 2702049"/>
              <a:gd name="connsiteX38" fmla="*/ 3217557 w 3217557"/>
              <a:gd name="connsiteY38" fmla="*/ 1382518 h 2702049"/>
              <a:gd name="connsiteX39" fmla="*/ 3217557 w 3217557"/>
              <a:gd name="connsiteY39" fmla="*/ 330916 h 2702049"/>
              <a:gd name="connsiteX40" fmla="*/ 2886641 w 3217557"/>
              <a:gd name="connsiteY40" fmla="*/ 0 h 2702049"/>
              <a:gd name="connsiteX0" fmla="*/ 1384251 w 3217557"/>
              <a:gd name="connsiteY0" fmla="*/ 661544 h 2702049"/>
              <a:gd name="connsiteX1" fmla="*/ 1574067 w 3217557"/>
              <a:gd name="connsiteY1" fmla="*/ 851360 h 2702049"/>
              <a:gd name="connsiteX2" fmla="*/ 1384251 w 3217557"/>
              <a:gd name="connsiteY2" fmla="*/ 1041176 h 2702049"/>
              <a:gd name="connsiteX3" fmla="*/ 1194435 w 3217557"/>
              <a:gd name="connsiteY3" fmla="*/ 851360 h 2702049"/>
              <a:gd name="connsiteX4" fmla="*/ 1384251 w 3217557"/>
              <a:gd name="connsiteY4" fmla="*/ 661544 h 2702049"/>
              <a:gd name="connsiteX5" fmla="*/ 1993421 w 3217557"/>
              <a:gd name="connsiteY5" fmla="*/ 661544 h 2702049"/>
              <a:gd name="connsiteX6" fmla="*/ 2183237 w 3217557"/>
              <a:gd name="connsiteY6" fmla="*/ 851360 h 2702049"/>
              <a:gd name="connsiteX7" fmla="*/ 1993421 w 3217557"/>
              <a:gd name="connsiteY7" fmla="*/ 1041176 h 2702049"/>
              <a:gd name="connsiteX8" fmla="*/ 1803605 w 3217557"/>
              <a:gd name="connsiteY8" fmla="*/ 851360 h 2702049"/>
              <a:gd name="connsiteX9" fmla="*/ 1993421 w 3217557"/>
              <a:gd name="connsiteY9" fmla="*/ 661544 h 2702049"/>
              <a:gd name="connsiteX10" fmla="*/ 2602591 w 3217557"/>
              <a:gd name="connsiteY10" fmla="*/ 661544 h 2702049"/>
              <a:gd name="connsiteX11" fmla="*/ 2792407 w 3217557"/>
              <a:gd name="connsiteY11" fmla="*/ 851360 h 2702049"/>
              <a:gd name="connsiteX12" fmla="*/ 2602591 w 3217557"/>
              <a:gd name="connsiteY12" fmla="*/ 1041176 h 2702049"/>
              <a:gd name="connsiteX13" fmla="*/ 2412775 w 3217557"/>
              <a:gd name="connsiteY13" fmla="*/ 851360 h 2702049"/>
              <a:gd name="connsiteX14" fmla="*/ 2602591 w 3217557"/>
              <a:gd name="connsiteY14" fmla="*/ 661544 h 2702049"/>
              <a:gd name="connsiteX15" fmla="*/ 677114 w 3217557"/>
              <a:gd name="connsiteY15" fmla="*/ 569491 h 2702049"/>
              <a:gd name="connsiteX16" fmla="*/ 330916 w 3217557"/>
              <a:gd name="connsiteY16" fmla="*/ 569491 h 2702049"/>
              <a:gd name="connsiteX17" fmla="*/ 0 w 3217557"/>
              <a:gd name="connsiteY17" fmla="*/ 900407 h 2702049"/>
              <a:gd name="connsiteX18" fmla="*/ 0 w 3217557"/>
              <a:gd name="connsiteY18" fmla="*/ 1952009 h 2702049"/>
              <a:gd name="connsiteX19" fmla="*/ 330916 w 3217557"/>
              <a:gd name="connsiteY19" fmla="*/ 2282925 h 2702049"/>
              <a:gd name="connsiteX20" fmla="*/ 711670 w 3217557"/>
              <a:gd name="connsiteY20" fmla="*/ 2282925 h 2702049"/>
              <a:gd name="connsiteX21" fmla="*/ 15770 w 3217557"/>
              <a:gd name="connsiteY21" fmla="*/ 2702049 h 2702049"/>
              <a:gd name="connsiteX22" fmla="*/ 1294529 w 3217557"/>
              <a:gd name="connsiteY22" fmla="*/ 2282925 h 2702049"/>
              <a:gd name="connsiteX23" fmla="*/ 2117356 w 3217557"/>
              <a:gd name="connsiteY23" fmla="*/ 2282925 h 2702049"/>
              <a:gd name="connsiteX24" fmla="*/ 2418395 w 3217557"/>
              <a:gd name="connsiteY24" fmla="*/ 2087951 h 2702049"/>
              <a:gd name="connsiteX25" fmla="*/ 1830857 w 3217557"/>
              <a:gd name="connsiteY25" fmla="*/ 1799347 h 2702049"/>
              <a:gd name="connsiteX26" fmla="*/ 1008030 w 3217557"/>
              <a:gd name="connsiteY26" fmla="*/ 1799347 h 2702049"/>
              <a:gd name="connsiteX27" fmla="*/ 677114 w 3217557"/>
              <a:gd name="connsiteY27" fmla="*/ 1468431 h 2702049"/>
              <a:gd name="connsiteX28" fmla="*/ 677114 w 3217557"/>
              <a:gd name="connsiteY28" fmla="*/ 569491 h 2702049"/>
              <a:gd name="connsiteX29" fmla="*/ 2886641 w 3217557"/>
              <a:gd name="connsiteY29" fmla="*/ 0 h 2702049"/>
              <a:gd name="connsiteX30" fmla="*/ 1100201 w 3217557"/>
              <a:gd name="connsiteY30" fmla="*/ 0 h 2702049"/>
              <a:gd name="connsiteX31" fmla="*/ 769285 w 3217557"/>
              <a:gd name="connsiteY31" fmla="*/ 330916 h 2702049"/>
              <a:gd name="connsiteX32" fmla="*/ 769285 w 3217557"/>
              <a:gd name="connsiteY32" fmla="*/ 1382518 h 2702049"/>
              <a:gd name="connsiteX33" fmla="*/ 1100201 w 3217557"/>
              <a:gd name="connsiteY33" fmla="*/ 1713434 h 2702049"/>
              <a:gd name="connsiteX34" fmla="*/ 1923028 w 3217557"/>
              <a:gd name="connsiteY34" fmla="*/ 1713434 h 2702049"/>
              <a:gd name="connsiteX35" fmla="*/ 3078958 w 3217557"/>
              <a:gd name="connsiteY35" fmla="*/ 2077967 h 2702049"/>
              <a:gd name="connsiteX36" fmla="*/ 2505887 w 3217557"/>
              <a:gd name="connsiteY36" fmla="*/ 1713434 h 2702049"/>
              <a:gd name="connsiteX37" fmla="*/ 2886641 w 3217557"/>
              <a:gd name="connsiteY37" fmla="*/ 1713434 h 2702049"/>
              <a:gd name="connsiteX38" fmla="*/ 3217557 w 3217557"/>
              <a:gd name="connsiteY38" fmla="*/ 1382518 h 2702049"/>
              <a:gd name="connsiteX39" fmla="*/ 3217557 w 3217557"/>
              <a:gd name="connsiteY39" fmla="*/ 330916 h 2702049"/>
              <a:gd name="connsiteX40" fmla="*/ 2886641 w 3217557"/>
              <a:gd name="connsiteY40" fmla="*/ 0 h 2702049"/>
              <a:gd name="connsiteX0" fmla="*/ 1384251 w 3217557"/>
              <a:gd name="connsiteY0" fmla="*/ 661544 h 2633810"/>
              <a:gd name="connsiteX1" fmla="*/ 1574067 w 3217557"/>
              <a:gd name="connsiteY1" fmla="*/ 851360 h 2633810"/>
              <a:gd name="connsiteX2" fmla="*/ 1384251 w 3217557"/>
              <a:gd name="connsiteY2" fmla="*/ 1041176 h 2633810"/>
              <a:gd name="connsiteX3" fmla="*/ 1194435 w 3217557"/>
              <a:gd name="connsiteY3" fmla="*/ 851360 h 2633810"/>
              <a:gd name="connsiteX4" fmla="*/ 1384251 w 3217557"/>
              <a:gd name="connsiteY4" fmla="*/ 661544 h 2633810"/>
              <a:gd name="connsiteX5" fmla="*/ 1993421 w 3217557"/>
              <a:gd name="connsiteY5" fmla="*/ 661544 h 2633810"/>
              <a:gd name="connsiteX6" fmla="*/ 2183237 w 3217557"/>
              <a:gd name="connsiteY6" fmla="*/ 851360 h 2633810"/>
              <a:gd name="connsiteX7" fmla="*/ 1993421 w 3217557"/>
              <a:gd name="connsiteY7" fmla="*/ 1041176 h 2633810"/>
              <a:gd name="connsiteX8" fmla="*/ 1803605 w 3217557"/>
              <a:gd name="connsiteY8" fmla="*/ 851360 h 2633810"/>
              <a:gd name="connsiteX9" fmla="*/ 1993421 w 3217557"/>
              <a:gd name="connsiteY9" fmla="*/ 661544 h 2633810"/>
              <a:gd name="connsiteX10" fmla="*/ 2602591 w 3217557"/>
              <a:gd name="connsiteY10" fmla="*/ 661544 h 2633810"/>
              <a:gd name="connsiteX11" fmla="*/ 2792407 w 3217557"/>
              <a:gd name="connsiteY11" fmla="*/ 851360 h 2633810"/>
              <a:gd name="connsiteX12" fmla="*/ 2602591 w 3217557"/>
              <a:gd name="connsiteY12" fmla="*/ 1041176 h 2633810"/>
              <a:gd name="connsiteX13" fmla="*/ 2412775 w 3217557"/>
              <a:gd name="connsiteY13" fmla="*/ 851360 h 2633810"/>
              <a:gd name="connsiteX14" fmla="*/ 2602591 w 3217557"/>
              <a:gd name="connsiteY14" fmla="*/ 661544 h 2633810"/>
              <a:gd name="connsiteX15" fmla="*/ 677114 w 3217557"/>
              <a:gd name="connsiteY15" fmla="*/ 569491 h 2633810"/>
              <a:gd name="connsiteX16" fmla="*/ 330916 w 3217557"/>
              <a:gd name="connsiteY16" fmla="*/ 569491 h 2633810"/>
              <a:gd name="connsiteX17" fmla="*/ 0 w 3217557"/>
              <a:gd name="connsiteY17" fmla="*/ 900407 h 2633810"/>
              <a:gd name="connsiteX18" fmla="*/ 0 w 3217557"/>
              <a:gd name="connsiteY18" fmla="*/ 1952009 h 2633810"/>
              <a:gd name="connsiteX19" fmla="*/ 330916 w 3217557"/>
              <a:gd name="connsiteY19" fmla="*/ 2282925 h 2633810"/>
              <a:gd name="connsiteX20" fmla="*/ 711670 w 3217557"/>
              <a:gd name="connsiteY20" fmla="*/ 2282925 h 2633810"/>
              <a:gd name="connsiteX21" fmla="*/ 165895 w 3217557"/>
              <a:gd name="connsiteY21" fmla="*/ 2633810 h 2633810"/>
              <a:gd name="connsiteX22" fmla="*/ 1294529 w 3217557"/>
              <a:gd name="connsiteY22" fmla="*/ 2282925 h 2633810"/>
              <a:gd name="connsiteX23" fmla="*/ 2117356 w 3217557"/>
              <a:gd name="connsiteY23" fmla="*/ 2282925 h 2633810"/>
              <a:gd name="connsiteX24" fmla="*/ 2418395 w 3217557"/>
              <a:gd name="connsiteY24" fmla="*/ 2087951 h 2633810"/>
              <a:gd name="connsiteX25" fmla="*/ 1830857 w 3217557"/>
              <a:gd name="connsiteY25" fmla="*/ 1799347 h 2633810"/>
              <a:gd name="connsiteX26" fmla="*/ 1008030 w 3217557"/>
              <a:gd name="connsiteY26" fmla="*/ 1799347 h 2633810"/>
              <a:gd name="connsiteX27" fmla="*/ 677114 w 3217557"/>
              <a:gd name="connsiteY27" fmla="*/ 1468431 h 2633810"/>
              <a:gd name="connsiteX28" fmla="*/ 677114 w 3217557"/>
              <a:gd name="connsiteY28" fmla="*/ 569491 h 2633810"/>
              <a:gd name="connsiteX29" fmla="*/ 2886641 w 3217557"/>
              <a:gd name="connsiteY29" fmla="*/ 0 h 2633810"/>
              <a:gd name="connsiteX30" fmla="*/ 1100201 w 3217557"/>
              <a:gd name="connsiteY30" fmla="*/ 0 h 2633810"/>
              <a:gd name="connsiteX31" fmla="*/ 769285 w 3217557"/>
              <a:gd name="connsiteY31" fmla="*/ 330916 h 2633810"/>
              <a:gd name="connsiteX32" fmla="*/ 769285 w 3217557"/>
              <a:gd name="connsiteY32" fmla="*/ 1382518 h 2633810"/>
              <a:gd name="connsiteX33" fmla="*/ 1100201 w 3217557"/>
              <a:gd name="connsiteY33" fmla="*/ 1713434 h 2633810"/>
              <a:gd name="connsiteX34" fmla="*/ 1923028 w 3217557"/>
              <a:gd name="connsiteY34" fmla="*/ 1713434 h 2633810"/>
              <a:gd name="connsiteX35" fmla="*/ 3078958 w 3217557"/>
              <a:gd name="connsiteY35" fmla="*/ 2077967 h 2633810"/>
              <a:gd name="connsiteX36" fmla="*/ 2505887 w 3217557"/>
              <a:gd name="connsiteY36" fmla="*/ 1713434 h 2633810"/>
              <a:gd name="connsiteX37" fmla="*/ 2886641 w 3217557"/>
              <a:gd name="connsiteY37" fmla="*/ 1713434 h 2633810"/>
              <a:gd name="connsiteX38" fmla="*/ 3217557 w 3217557"/>
              <a:gd name="connsiteY38" fmla="*/ 1382518 h 2633810"/>
              <a:gd name="connsiteX39" fmla="*/ 3217557 w 3217557"/>
              <a:gd name="connsiteY39" fmla="*/ 330916 h 2633810"/>
              <a:gd name="connsiteX40" fmla="*/ 2886641 w 3217557"/>
              <a:gd name="connsiteY40" fmla="*/ 0 h 2633810"/>
              <a:gd name="connsiteX0" fmla="*/ 1384251 w 3217557"/>
              <a:gd name="connsiteY0" fmla="*/ 661544 h 2633810"/>
              <a:gd name="connsiteX1" fmla="*/ 1574067 w 3217557"/>
              <a:gd name="connsiteY1" fmla="*/ 851360 h 2633810"/>
              <a:gd name="connsiteX2" fmla="*/ 1384251 w 3217557"/>
              <a:gd name="connsiteY2" fmla="*/ 1041176 h 2633810"/>
              <a:gd name="connsiteX3" fmla="*/ 1194435 w 3217557"/>
              <a:gd name="connsiteY3" fmla="*/ 851360 h 2633810"/>
              <a:gd name="connsiteX4" fmla="*/ 1384251 w 3217557"/>
              <a:gd name="connsiteY4" fmla="*/ 661544 h 2633810"/>
              <a:gd name="connsiteX5" fmla="*/ 1993421 w 3217557"/>
              <a:gd name="connsiteY5" fmla="*/ 661544 h 2633810"/>
              <a:gd name="connsiteX6" fmla="*/ 2183237 w 3217557"/>
              <a:gd name="connsiteY6" fmla="*/ 851360 h 2633810"/>
              <a:gd name="connsiteX7" fmla="*/ 1993421 w 3217557"/>
              <a:gd name="connsiteY7" fmla="*/ 1041176 h 2633810"/>
              <a:gd name="connsiteX8" fmla="*/ 1803605 w 3217557"/>
              <a:gd name="connsiteY8" fmla="*/ 851360 h 2633810"/>
              <a:gd name="connsiteX9" fmla="*/ 1993421 w 3217557"/>
              <a:gd name="connsiteY9" fmla="*/ 661544 h 2633810"/>
              <a:gd name="connsiteX10" fmla="*/ 2602591 w 3217557"/>
              <a:gd name="connsiteY10" fmla="*/ 661544 h 2633810"/>
              <a:gd name="connsiteX11" fmla="*/ 2792407 w 3217557"/>
              <a:gd name="connsiteY11" fmla="*/ 851360 h 2633810"/>
              <a:gd name="connsiteX12" fmla="*/ 2602591 w 3217557"/>
              <a:gd name="connsiteY12" fmla="*/ 1041176 h 2633810"/>
              <a:gd name="connsiteX13" fmla="*/ 2412775 w 3217557"/>
              <a:gd name="connsiteY13" fmla="*/ 851360 h 2633810"/>
              <a:gd name="connsiteX14" fmla="*/ 2602591 w 3217557"/>
              <a:gd name="connsiteY14" fmla="*/ 661544 h 2633810"/>
              <a:gd name="connsiteX15" fmla="*/ 677114 w 3217557"/>
              <a:gd name="connsiteY15" fmla="*/ 569491 h 2633810"/>
              <a:gd name="connsiteX16" fmla="*/ 330916 w 3217557"/>
              <a:gd name="connsiteY16" fmla="*/ 569491 h 2633810"/>
              <a:gd name="connsiteX17" fmla="*/ 0 w 3217557"/>
              <a:gd name="connsiteY17" fmla="*/ 900407 h 2633810"/>
              <a:gd name="connsiteX18" fmla="*/ 0 w 3217557"/>
              <a:gd name="connsiteY18" fmla="*/ 1952009 h 2633810"/>
              <a:gd name="connsiteX19" fmla="*/ 330916 w 3217557"/>
              <a:gd name="connsiteY19" fmla="*/ 2282925 h 2633810"/>
              <a:gd name="connsiteX20" fmla="*/ 711670 w 3217557"/>
              <a:gd name="connsiteY20" fmla="*/ 2282925 h 2633810"/>
              <a:gd name="connsiteX21" fmla="*/ 165895 w 3217557"/>
              <a:gd name="connsiteY21" fmla="*/ 2633810 h 2633810"/>
              <a:gd name="connsiteX22" fmla="*/ 1294529 w 3217557"/>
              <a:gd name="connsiteY22" fmla="*/ 2282925 h 2633810"/>
              <a:gd name="connsiteX23" fmla="*/ 2117356 w 3217557"/>
              <a:gd name="connsiteY23" fmla="*/ 2282925 h 2633810"/>
              <a:gd name="connsiteX24" fmla="*/ 2418395 w 3217557"/>
              <a:gd name="connsiteY24" fmla="*/ 2087951 h 2633810"/>
              <a:gd name="connsiteX25" fmla="*/ 1830857 w 3217557"/>
              <a:gd name="connsiteY25" fmla="*/ 1799347 h 2633810"/>
              <a:gd name="connsiteX26" fmla="*/ 1008030 w 3217557"/>
              <a:gd name="connsiteY26" fmla="*/ 1799347 h 2633810"/>
              <a:gd name="connsiteX27" fmla="*/ 677114 w 3217557"/>
              <a:gd name="connsiteY27" fmla="*/ 1468431 h 2633810"/>
              <a:gd name="connsiteX28" fmla="*/ 677114 w 3217557"/>
              <a:gd name="connsiteY28" fmla="*/ 569491 h 2633810"/>
              <a:gd name="connsiteX29" fmla="*/ 2886641 w 3217557"/>
              <a:gd name="connsiteY29" fmla="*/ 0 h 2633810"/>
              <a:gd name="connsiteX30" fmla="*/ 1100201 w 3217557"/>
              <a:gd name="connsiteY30" fmla="*/ 0 h 2633810"/>
              <a:gd name="connsiteX31" fmla="*/ 769285 w 3217557"/>
              <a:gd name="connsiteY31" fmla="*/ 330916 h 2633810"/>
              <a:gd name="connsiteX32" fmla="*/ 769285 w 3217557"/>
              <a:gd name="connsiteY32" fmla="*/ 1382518 h 2633810"/>
              <a:gd name="connsiteX33" fmla="*/ 1100201 w 3217557"/>
              <a:gd name="connsiteY33" fmla="*/ 1713434 h 2633810"/>
              <a:gd name="connsiteX34" fmla="*/ 1923028 w 3217557"/>
              <a:gd name="connsiteY34" fmla="*/ 1713434 h 2633810"/>
              <a:gd name="connsiteX35" fmla="*/ 3078958 w 3217557"/>
              <a:gd name="connsiteY35" fmla="*/ 2077967 h 2633810"/>
              <a:gd name="connsiteX36" fmla="*/ 2505887 w 3217557"/>
              <a:gd name="connsiteY36" fmla="*/ 1713434 h 2633810"/>
              <a:gd name="connsiteX37" fmla="*/ 2886641 w 3217557"/>
              <a:gd name="connsiteY37" fmla="*/ 1713434 h 2633810"/>
              <a:gd name="connsiteX38" fmla="*/ 3217557 w 3217557"/>
              <a:gd name="connsiteY38" fmla="*/ 1382518 h 2633810"/>
              <a:gd name="connsiteX39" fmla="*/ 3217557 w 3217557"/>
              <a:gd name="connsiteY39" fmla="*/ 330916 h 2633810"/>
              <a:gd name="connsiteX40" fmla="*/ 2886641 w 3217557"/>
              <a:gd name="connsiteY40" fmla="*/ 0 h 2633810"/>
              <a:gd name="connsiteX0" fmla="*/ 1384251 w 3217557"/>
              <a:gd name="connsiteY0" fmla="*/ 661544 h 2633810"/>
              <a:gd name="connsiteX1" fmla="*/ 1574067 w 3217557"/>
              <a:gd name="connsiteY1" fmla="*/ 851360 h 2633810"/>
              <a:gd name="connsiteX2" fmla="*/ 1384251 w 3217557"/>
              <a:gd name="connsiteY2" fmla="*/ 1041176 h 2633810"/>
              <a:gd name="connsiteX3" fmla="*/ 1194435 w 3217557"/>
              <a:gd name="connsiteY3" fmla="*/ 851360 h 2633810"/>
              <a:gd name="connsiteX4" fmla="*/ 1384251 w 3217557"/>
              <a:gd name="connsiteY4" fmla="*/ 661544 h 2633810"/>
              <a:gd name="connsiteX5" fmla="*/ 1993421 w 3217557"/>
              <a:gd name="connsiteY5" fmla="*/ 661544 h 2633810"/>
              <a:gd name="connsiteX6" fmla="*/ 2183237 w 3217557"/>
              <a:gd name="connsiteY6" fmla="*/ 851360 h 2633810"/>
              <a:gd name="connsiteX7" fmla="*/ 1993421 w 3217557"/>
              <a:gd name="connsiteY7" fmla="*/ 1041176 h 2633810"/>
              <a:gd name="connsiteX8" fmla="*/ 1803605 w 3217557"/>
              <a:gd name="connsiteY8" fmla="*/ 851360 h 2633810"/>
              <a:gd name="connsiteX9" fmla="*/ 1993421 w 3217557"/>
              <a:gd name="connsiteY9" fmla="*/ 661544 h 2633810"/>
              <a:gd name="connsiteX10" fmla="*/ 2602591 w 3217557"/>
              <a:gd name="connsiteY10" fmla="*/ 661544 h 2633810"/>
              <a:gd name="connsiteX11" fmla="*/ 2792407 w 3217557"/>
              <a:gd name="connsiteY11" fmla="*/ 851360 h 2633810"/>
              <a:gd name="connsiteX12" fmla="*/ 2602591 w 3217557"/>
              <a:gd name="connsiteY12" fmla="*/ 1041176 h 2633810"/>
              <a:gd name="connsiteX13" fmla="*/ 2412775 w 3217557"/>
              <a:gd name="connsiteY13" fmla="*/ 851360 h 2633810"/>
              <a:gd name="connsiteX14" fmla="*/ 2602591 w 3217557"/>
              <a:gd name="connsiteY14" fmla="*/ 661544 h 2633810"/>
              <a:gd name="connsiteX15" fmla="*/ 677114 w 3217557"/>
              <a:gd name="connsiteY15" fmla="*/ 569491 h 2633810"/>
              <a:gd name="connsiteX16" fmla="*/ 330916 w 3217557"/>
              <a:gd name="connsiteY16" fmla="*/ 569491 h 2633810"/>
              <a:gd name="connsiteX17" fmla="*/ 0 w 3217557"/>
              <a:gd name="connsiteY17" fmla="*/ 900407 h 2633810"/>
              <a:gd name="connsiteX18" fmla="*/ 0 w 3217557"/>
              <a:gd name="connsiteY18" fmla="*/ 1952009 h 2633810"/>
              <a:gd name="connsiteX19" fmla="*/ 330916 w 3217557"/>
              <a:gd name="connsiteY19" fmla="*/ 2282925 h 2633810"/>
              <a:gd name="connsiteX20" fmla="*/ 711670 w 3217557"/>
              <a:gd name="connsiteY20" fmla="*/ 2282925 h 2633810"/>
              <a:gd name="connsiteX21" fmla="*/ 165895 w 3217557"/>
              <a:gd name="connsiteY21" fmla="*/ 2633810 h 2633810"/>
              <a:gd name="connsiteX22" fmla="*/ 1294529 w 3217557"/>
              <a:gd name="connsiteY22" fmla="*/ 2282925 h 2633810"/>
              <a:gd name="connsiteX23" fmla="*/ 2117356 w 3217557"/>
              <a:gd name="connsiteY23" fmla="*/ 2282925 h 2633810"/>
              <a:gd name="connsiteX24" fmla="*/ 2418395 w 3217557"/>
              <a:gd name="connsiteY24" fmla="*/ 2087951 h 2633810"/>
              <a:gd name="connsiteX25" fmla="*/ 1830857 w 3217557"/>
              <a:gd name="connsiteY25" fmla="*/ 1799347 h 2633810"/>
              <a:gd name="connsiteX26" fmla="*/ 1008030 w 3217557"/>
              <a:gd name="connsiteY26" fmla="*/ 1799347 h 2633810"/>
              <a:gd name="connsiteX27" fmla="*/ 677114 w 3217557"/>
              <a:gd name="connsiteY27" fmla="*/ 1468431 h 2633810"/>
              <a:gd name="connsiteX28" fmla="*/ 677114 w 3217557"/>
              <a:gd name="connsiteY28" fmla="*/ 569491 h 2633810"/>
              <a:gd name="connsiteX29" fmla="*/ 2886641 w 3217557"/>
              <a:gd name="connsiteY29" fmla="*/ 0 h 2633810"/>
              <a:gd name="connsiteX30" fmla="*/ 1100201 w 3217557"/>
              <a:gd name="connsiteY30" fmla="*/ 0 h 2633810"/>
              <a:gd name="connsiteX31" fmla="*/ 769285 w 3217557"/>
              <a:gd name="connsiteY31" fmla="*/ 330916 h 2633810"/>
              <a:gd name="connsiteX32" fmla="*/ 769285 w 3217557"/>
              <a:gd name="connsiteY32" fmla="*/ 1382518 h 2633810"/>
              <a:gd name="connsiteX33" fmla="*/ 1100201 w 3217557"/>
              <a:gd name="connsiteY33" fmla="*/ 1713434 h 2633810"/>
              <a:gd name="connsiteX34" fmla="*/ 1923028 w 3217557"/>
              <a:gd name="connsiteY34" fmla="*/ 1713434 h 2633810"/>
              <a:gd name="connsiteX35" fmla="*/ 3078958 w 3217557"/>
              <a:gd name="connsiteY35" fmla="*/ 2077967 h 2633810"/>
              <a:gd name="connsiteX36" fmla="*/ 2505887 w 3217557"/>
              <a:gd name="connsiteY36" fmla="*/ 1713434 h 2633810"/>
              <a:gd name="connsiteX37" fmla="*/ 2886641 w 3217557"/>
              <a:gd name="connsiteY37" fmla="*/ 1713434 h 2633810"/>
              <a:gd name="connsiteX38" fmla="*/ 3217557 w 3217557"/>
              <a:gd name="connsiteY38" fmla="*/ 1382518 h 2633810"/>
              <a:gd name="connsiteX39" fmla="*/ 3217557 w 3217557"/>
              <a:gd name="connsiteY39" fmla="*/ 330916 h 2633810"/>
              <a:gd name="connsiteX40" fmla="*/ 2886641 w 3217557"/>
              <a:gd name="connsiteY40" fmla="*/ 0 h 2633810"/>
              <a:gd name="connsiteX0" fmla="*/ 1384251 w 3217557"/>
              <a:gd name="connsiteY0" fmla="*/ 661544 h 2654282"/>
              <a:gd name="connsiteX1" fmla="*/ 1574067 w 3217557"/>
              <a:gd name="connsiteY1" fmla="*/ 851360 h 2654282"/>
              <a:gd name="connsiteX2" fmla="*/ 1384251 w 3217557"/>
              <a:gd name="connsiteY2" fmla="*/ 1041176 h 2654282"/>
              <a:gd name="connsiteX3" fmla="*/ 1194435 w 3217557"/>
              <a:gd name="connsiteY3" fmla="*/ 851360 h 2654282"/>
              <a:gd name="connsiteX4" fmla="*/ 1384251 w 3217557"/>
              <a:gd name="connsiteY4" fmla="*/ 661544 h 2654282"/>
              <a:gd name="connsiteX5" fmla="*/ 1993421 w 3217557"/>
              <a:gd name="connsiteY5" fmla="*/ 661544 h 2654282"/>
              <a:gd name="connsiteX6" fmla="*/ 2183237 w 3217557"/>
              <a:gd name="connsiteY6" fmla="*/ 851360 h 2654282"/>
              <a:gd name="connsiteX7" fmla="*/ 1993421 w 3217557"/>
              <a:gd name="connsiteY7" fmla="*/ 1041176 h 2654282"/>
              <a:gd name="connsiteX8" fmla="*/ 1803605 w 3217557"/>
              <a:gd name="connsiteY8" fmla="*/ 851360 h 2654282"/>
              <a:gd name="connsiteX9" fmla="*/ 1993421 w 3217557"/>
              <a:gd name="connsiteY9" fmla="*/ 661544 h 2654282"/>
              <a:gd name="connsiteX10" fmla="*/ 2602591 w 3217557"/>
              <a:gd name="connsiteY10" fmla="*/ 661544 h 2654282"/>
              <a:gd name="connsiteX11" fmla="*/ 2792407 w 3217557"/>
              <a:gd name="connsiteY11" fmla="*/ 851360 h 2654282"/>
              <a:gd name="connsiteX12" fmla="*/ 2602591 w 3217557"/>
              <a:gd name="connsiteY12" fmla="*/ 1041176 h 2654282"/>
              <a:gd name="connsiteX13" fmla="*/ 2412775 w 3217557"/>
              <a:gd name="connsiteY13" fmla="*/ 851360 h 2654282"/>
              <a:gd name="connsiteX14" fmla="*/ 2602591 w 3217557"/>
              <a:gd name="connsiteY14" fmla="*/ 661544 h 2654282"/>
              <a:gd name="connsiteX15" fmla="*/ 677114 w 3217557"/>
              <a:gd name="connsiteY15" fmla="*/ 569491 h 2654282"/>
              <a:gd name="connsiteX16" fmla="*/ 330916 w 3217557"/>
              <a:gd name="connsiteY16" fmla="*/ 569491 h 2654282"/>
              <a:gd name="connsiteX17" fmla="*/ 0 w 3217557"/>
              <a:gd name="connsiteY17" fmla="*/ 900407 h 2654282"/>
              <a:gd name="connsiteX18" fmla="*/ 0 w 3217557"/>
              <a:gd name="connsiteY18" fmla="*/ 1952009 h 2654282"/>
              <a:gd name="connsiteX19" fmla="*/ 330916 w 3217557"/>
              <a:gd name="connsiteY19" fmla="*/ 2282925 h 2654282"/>
              <a:gd name="connsiteX20" fmla="*/ 711670 w 3217557"/>
              <a:gd name="connsiteY20" fmla="*/ 2282925 h 2654282"/>
              <a:gd name="connsiteX21" fmla="*/ 275077 w 3217557"/>
              <a:gd name="connsiteY21" fmla="*/ 2654282 h 2654282"/>
              <a:gd name="connsiteX22" fmla="*/ 1294529 w 3217557"/>
              <a:gd name="connsiteY22" fmla="*/ 2282925 h 2654282"/>
              <a:gd name="connsiteX23" fmla="*/ 2117356 w 3217557"/>
              <a:gd name="connsiteY23" fmla="*/ 2282925 h 2654282"/>
              <a:gd name="connsiteX24" fmla="*/ 2418395 w 3217557"/>
              <a:gd name="connsiteY24" fmla="*/ 2087951 h 2654282"/>
              <a:gd name="connsiteX25" fmla="*/ 1830857 w 3217557"/>
              <a:gd name="connsiteY25" fmla="*/ 1799347 h 2654282"/>
              <a:gd name="connsiteX26" fmla="*/ 1008030 w 3217557"/>
              <a:gd name="connsiteY26" fmla="*/ 1799347 h 2654282"/>
              <a:gd name="connsiteX27" fmla="*/ 677114 w 3217557"/>
              <a:gd name="connsiteY27" fmla="*/ 1468431 h 2654282"/>
              <a:gd name="connsiteX28" fmla="*/ 677114 w 3217557"/>
              <a:gd name="connsiteY28" fmla="*/ 569491 h 2654282"/>
              <a:gd name="connsiteX29" fmla="*/ 2886641 w 3217557"/>
              <a:gd name="connsiteY29" fmla="*/ 0 h 2654282"/>
              <a:gd name="connsiteX30" fmla="*/ 1100201 w 3217557"/>
              <a:gd name="connsiteY30" fmla="*/ 0 h 2654282"/>
              <a:gd name="connsiteX31" fmla="*/ 769285 w 3217557"/>
              <a:gd name="connsiteY31" fmla="*/ 330916 h 2654282"/>
              <a:gd name="connsiteX32" fmla="*/ 769285 w 3217557"/>
              <a:gd name="connsiteY32" fmla="*/ 1382518 h 2654282"/>
              <a:gd name="connsiteX33" fmla="*/ 1100201 w 3217557"/>
              <a:gd name="connsiteY33" fmla="*/ 1713434 h 2654282"/>
              <a:gd name="connsiteX34" fmla="*/ 1923028 w 3217557"/>
              <a:gd name="connsiteY34" fmla="*/ 1713434 h 2654282"/>
              <a:gd name="connsiteX35" fmla="*/ 3078958 w 3217557"/>
              <a:gd name="connsiteY35" fmla="*/ 2077967 h 2654282"/>
              <a:gd name="connsiteX36" fmla="*/ 2505887 w 3217557"/>
              <a:gd name="connsiteY36" fmla="*/ 1713434 h 2654282"/>
              <a:gd name="connsiteX37" fmla="*/ 2886641 w 3217557"/>
              <a:gd name="connsiteY37" fmla="*/ 1713434 h 2654282"/>
              <a:gd name="connsiteX38" fmla="*/ 3217557 w 3217557"/>
              <a:gd name="connsiteY38" fmla="*/ 1382518 h 2654282"/>
              <a:gd name="connsiteX39" fmla="*/ 3217557 w 3217557"/>
              <a:gd name="connsiteY39" fmla="*/ 330916 h 2654282"/>
              <a:gd name="connsiteX40" fmla="*/ 2886641 w 3217557"/>
              <a:gd name="connsiteY40" fmla="*/ 0 h 2654282"/>
              <a:gd name="connsiteX0" fmla="*/ 1384251 w 3217557"/>
              <a:gd name="connsiteY0" fmla="*/ 661544 h 2654282"/>
              <a:gd name="connsiteX1" fmla="*/ 1574067 w 3217557"/>
              <a:gd name="connsiteY1" fmla="*/ 851360 h 2654282"/>
              <a:gd name="connsiteX2" fmla="*/ 1384251 w 3217557"/>
              <a:gd name="connsiteY2" fmla="*/ 1041176 h 2654282"/>
              <a:gd name="connsiteX3" fmla="*/ 1194435 w 3217557"/>
              <a:gd name="connsiteY3" fmla="*/ 851360 h 2654282"/>
              <a:gd name="connsiteX4" fmla="*/ 1384251 w 3217557"/>
              <a:gd name="connsiteY4" fmla="*/ 661544 h 2654282"/>
              <a:gd name="connsiteX5" fmla="*/ 1993421 w 3217557"/>
              <a:gd name="connsiteY5" fmla="*/ 661544 h 2654282"/>
              <a:gd name="connsiteX6" fmla="*/ 2183237 w 3217557"/>
              <a:gd name="connsiteY6" fmla="*/ 851360 h 2654282"/>
              <a:gd name="connsiteX7" fmla="*/ 1993421 w 3217557"/>
              <a:gd name="connsiteY7" fmla="*/ 1041176 h 2654282"/>
              <a:gd name="connsiteX8" fmla="*/ 1803605 w 3217557"/>
              <a:gd name="connsiteY8" fmla="*/ 851360 h 2654282"/>
              <a:gd name="connsiteX9" fmla="*/ 1993421 w 3217557"/>
              <a:gd name="connsiteY9" fmla="*/ 661544 h 2654282"/>
              <a:gd name="connsiteX10" fmla="*/ 2602591 w 3217557"/>
              <a:gd name="connsiteY10" fmla="*/ 661544 h 2654282"/>
              <a:gd name="connsiteX11" fmla="*/ 2792407 w 3217557"/>
              <a:gd name="connsiteY11" fmla="*/ 851360 h 2654282"/>
              <a:gd name="connsiteX12" fmla="*/ 2602591 w 3217557"/>
              <a:gd name="connsiteY12" fmla="*/ 1041176 h 2654282"/>
              <a:gd name="connsiteX13" fmla="*/ 2412775 w 3217557"/>
              <a:gd name="connsiteY13" fmla="*/ 851360 h 2654282"/>
              <a:gd name="connsiteX14" fmla="*/ 2602591 w 3217557"/>
              <a:gd name="connsiteY14" fmla="*/ 661544 h 2654282"/>
              <a:gd name="connsiteX15" fmla="*/ 677114 w 3217557"/>
              <a:gd name="connsiteY15" fmla="*/ 569491 h 2654282"/>
              <a:gd name="connsiteX16" fmla="*/ 330916 w 3217557"/>
              <a:gd name="connsiteY16" fmla="*/ 569491 h 2654282"/>
              <a:gd name="connsiteX17" fmla="*/ 0 w 3217557"/>
              <a:gd name="connsiteY17" fmla="*/ 900407 h 2654282"/>
              <a:gd name="connsiteX18" fmla="*/ 0 w 3217557"/>
              <a:gd name="connsiteY18" fmla="*/ 1952009 h 2654282"/>
              <a:gd name="connsiteX19" fmla="*/ 330916 w 3217557"/>
              <a:gd name="connsiteY19" fmla="*/ 2282925 h 2654282"/>
              <a:gd name="connsiteX20" fmla="*/ 711670 w 3217557"/>
              <a:gd name="connsiteY20" fmla="*/ 2282925 h 2654282"/>
              <a:gd name="connsiteX21" fmla="*/ 275077 w 3217557"/>
              <a:gd name="connsiteY21" fmla="*/ 2654282 h 2654282"/>
              <a:gd name="connsiteX22" fmla="*/ 1294529 w 3217557"/>
              <a:gd name="connsiteY22" fmla="*/ 2282925 h 2654282"/>
              <a:gd name="connsiteX23" fmla="*/ 2117356 w 3217557"/>
              <a:gd name="connsiteY23" fmla="*/ 2282925 h 2654282"/>
              <a:gd name="connsiteX24" fmla="*/ 2418395 w 3217557"/>
              <a:gd name="connsiteY24" fmla="*/ 2087951 h 2654282"/>
              <a:gd name="connsiteX25" fmla="*/ 1830857 w 3217557"/>
              <a:gd name="connsiteY25" fmla="*/ 1799347 h 2654282"/>
              <a:gd name="connsiteX26" fmla="*/ 1008030 w 3217557"/>
              <a:gd name="connsiteY26" fmla="*/ 1799347 h 2654282"/>
              <a:gd name="connsiteX27" fmla="*/ 677114 w 3217557"/>
              <a:gd name="connsiteY27" fmla="*/ 1468431 h 2654282"/>
              <a:gd name="connsiteX28" fmla="*/ 677114 w 3217557"/>
              <a:gd name="connsiteY28" fmla="*/ 569491 h 2654282"/>
              <a:gd name="connsiteX29" fmla="*/ 2886641 w 3217557"/>
              <a:gd name="connsiteY29" fmla="*/ 0 h 2654282"/>
              <a:gd name="connsiteX30" fmla="*/ 1100201 w 3217557"/>
              <a:gd name="connsiteY30" fmla="*/ 0 h 2654282"/>
              <a:gd name="connsiteX31" fmla="*/ 769285 w 3217557"/>
              <a:gd name="connsiteY31" fmla="*/ 330916 h 2654282"/>
              <a:gd name="connsiteX32" fmla="*/ 769285 w 3217557"/>
              <a:gd name="connsiteY32" fmla="*/ 1382518 h 2654282"/>
              <a:gd name="connsiteX33" fmla="*/ 1100201 w 3217557"/>
              <a:gd name="connsiteY33" fmla="*/ 1713434 h 2654282"/>
              <a:gd name="connsiteX34" fmla="*/ 1923028 w 3217557"/>
              <a:gd name="connsiteY34" fmla="*/ 1713434 h 2654282"/>
              <a:gd name="connsiteX35" fmla="*/ 3078958 w 3217557"/>
              <a:gd name="connsiteY35" fmla="*/ 2077967 h 2654282"/>
              <a:gd name="connsiteX36" fmla="*/ 2505887 w 3217557"/>
              <a:gd name="connsiteY36" fmla="*/ 1713434 h 2654282"/>
              <a:gd name="connsiteX37" fmla="*/ 2886641 w 3217557"/>
              <a:gd name="connsiteY37" fmla="*/ 1713434 h 2654282"/>
              <a:gd name="connsiteX38" fmla="*/ 3217557 w 3217557"/>
              <a:gd name="connsiteY38" fmla="*/ 1382518 h 2654282"/>
              <a:gd name="connsiteX39" fmla="*/ 3217557 w 3217557"/>
              <a:gd name="connsiteY39" fmla="*/ 330916 h 2654282"/>
              <a:gd name="connsiteX40" fmla="*/ 2886641 w 3217557"/>
              <a:gd name="connsiteY40" fmla="*/ 0 h 2654282"/>
              <a:gd name="connsiteX0" fmla="*/ 1384251 w 3217557"/>
              <a:gd name="connsiteY0" fmla="*/ 661544 h 2654282"/>
              <a:gd name="connsiteX1" fmla="*/ 1574067 w 3217557"/>
              <a:gd name="connsiteY1" fmla="*/ 851360 h 2654282"/>
              <a:gd name="connsiteX2" fmla="*/ 1384251 w 3217557"/>
              <a:gd name="connsiteY2" fmla="*/ 1041176 h 2654282"/>
              <a:gd name="connsiteX3" fmla="*/ 1194435 w 3217557"/>
              <a:gd name="connsiteY3" fmla="*/ 851360 h 2654282"/>
              <a:gd name="connsiteX4" fmla="*/ 1384251 w 3217557"/>
              <a:gd name="connsiteY4" fmla="*/ 661544 h 2654282"/>
              <a:gd name="connsiteX5" fmla="*/ 1993421 w 3217557"/>
              <a:gd name="connsiteY5" fmla="*/ 661544 h 2654282"/>
              <a:gd name="connsiteX6" fmla="*/ 2183237 w 3217557"/>
              <a:gd name="connsiteY6" fmla="*/ 851360 h 2654282"/>
              <a:gd name="connsiteX7" fmla="*/ 1993421 w 3217557"/>
              <a:gd name="connsiteY7" fmla="*/ 1041176 h 2654282"/>
              <a:gd name="connsiteX8" fmla="*/ 1803605 w 3217557"/>
              <a:gd name="connsiteY8" fmla="*/ 851360 h 2654282"/>
              <a:gd name="connsiteX9" fmla="*/ 1993421 w 3217557"/>
              <a:gd name="connsiteY9" fmla="*/ 661544 h 2654282"/>
              <a:gd name="connsiteX10" fmla="*/ 2602591 w 3217557"/>
              <a:gd name="connsiteY10" fmla="*/ 661544 h 2654282"/>
              <a:gd name="connsiteX11" fmla="*/ 2792407 w 3217557"/>
              <a:gd name="connsiteY11" fmla="*/ 851360 h 2654282"/>
              <a:gd name="connsiteX12" fmla="*/ 2602591 w 3217557"/>
              <a:gd name="connsiteY12" fmla="*/ 1041176 h 2654282"/>
              <a:gd name="connsiteX13" fmla="*/ 2412775 w 3217557"/>
              <a:gd name="connsiteY13" fmla="*/ 851360 h 2654282"/>
              <a:gd name="connsiteX14" fmla="*/ 2602591 w 3217557"/>
              <a:gd name="connsiteY14" fmla="*/ 661544 h 2654282"/>
              <a:gd name="connsiteX15" fmla="*/ 677114 w 3217557"/>
              <a:gd name="connsiteY15" fmla="*/ 569491 h 2654282"/>
              <a:gd name="connsiteX16" fmla="*/ 330916 w 3217557"/>
              <a:gd name="connsiteY16" fmla="*/ 569491 h 2654282"/>
              <a:gd name="connsiteX17" fmla="*/ 0 w 3217557"/>
              <a:gd name="connsiteY17" fmla="*/ 900407 h 2654282"/>
              <a:gd name="connsiteX18" fmla="*/ 0 w 3217557"/>
              <a:gd name="connsiteY18" fmla="*/ 1952009 h 2654282"/>
              <a:gd name="connsiteX19" fmla="*/ 330916 w 3217557"/>
              <a:gd name="connsiteY19" fmla="*/ 2282925 h 2654282"/>
              <a:gd name="connsiteX20" fmla="*/ 711670 w 3217557"/>
              <a:gd name="connsiteY20" fmla="*/ 2282925 h 2654282"/>
              <a:gd name="connsiteX21" fmla="*/ 275077 w 3217557"/>
              <a:gd name="connsiteY21" fmla="*/ 2654282 h 2654282"/>
              <a:gd name="connsiteX22" fmla="*/ 1294529 w 3217557"/>
              <a:gd name="connsiteY22" fmla="*/ 2282925 h 2654282"/>
              <a:gd name="connsiteX23" fmla="*/ 2117356 w 3217557"/>
              <a:gd name="connsiteY23" fmla="*/ 2282925 h 2654282"/>
              <a:gd name="connsiteX24" fmla="*/ 2418395 w 3217557"/>
              <a:gd name="connsiteY24" fmla="*/ 2087951 h 2654282"/>
              <a:gd name="connsiteX25" fmla="*/ 1830857 w 3217557"/>
              <a:gd name="connsiteY25" fmla="*/ 1799347 h 2654282"/>
              <a:gd name="connsiteX26" fmla="*/ 1008030 w 3217557"/>
              <a:gd name="connsiteY26" fmla="*/ 1799347 h 2654282"/>
              <a:gd name="connsiteX27" fmla="*/ 677114 w 3217557"/>
              <a:gd name="connsiteY27" fmla="*/ 1468431 h 2654282"/>
              <a:gd name="connsiteX28" fmla="*/ 677114 w 3217557"/>
              <a:gd name="connsiteY28" fmla="*/ 569491 h 2654282"/>
              <a:gd name="connsiteX29" fmla="*/ 2886641 w 3217557"/>
              <a:gd name="connsiteY29" fmla="*/ 0 h 2654282"/>
              <a:gd name="connsiteX30" fmla="*/ 1100201 w 3217557"/>
              <a:gd name="connsiteY30" fmla="*/ 0 h 2654282"/>
              <a:gd name="connsiteX31" fmla="*/ 769285 w 3217557"/>
              <a:gd name="connsiteY31" fmla="*/ 330916 h 2654282"/>
              <a:gd name="connsiteX32" fmla="*/ 769285 w 3217557"/>
              <a:gd name="connsiteY32" fmla="*/ 1382518 h 2654282"/>
              <a:gd name="connsiteX33" fmla="*/ 1100201 w 3217557"/>
              <a:gd name="connsiteY33" fmla="*/ 1713434 h 2654282"/>
              <a:gd name="connsiteX34" fmla="*/ 1923028 w 3217557"/>
              <a:gd name="connsiteY34" fmla="*/ 1713434 h 2654282"/>
              <a:gd name="connsiteX35" fmla="*/ 3078958 w 3217557"/>
              <a:gd name="connsiteY35" fmla="*/ 2077967 h 2654282"/>
              <a:gd name="connsiteX36" fmla="*/ 2505887 w 3217557"/>
              <a:gd name="connsiteY36" fmla="*/ 1713434 h 2654282"/>
              <a:gd name="connsiteX37" fmla="*/ 2886641 w 3217557"/>
              <a:gd name="connsiteY37" fmla="*/ 1713434 h 2654282"/>
              <a:gd name="connsiteX38" fmla="*/ 3217557 w 3217557"/>
              <a:gd name="connsiteY38" fmla="*/ 1382518 h 2654282"/>
              <a:gd name="connsiteX39" fmla="*/ 3217557 w 3217557"/>
              <a:gd name="connsiteY39" fmla="*/ 330916 h 2654282"/>
              <a:gd name="connsiteX40" fmla="*/ 2886641 w 3217557"/>
              <a:gd name="connsiteY40" fmla="*/ 0 h 2654282"/>
              <a:gd name="connsiteX0" fmla="*/ 1384251 w 3217557"/>
              <a:gd name="connsiteY0" fmla="*/ 661544 h 2654282"/>
              <a:gd name="connsiteX1" fmla="*/ 1574067 w 3217557"/>
              <a:gd name="connsiteY1" fmla="*/ 851360 h 2654282"/>
              <a:gd name="connsiteX2" fmla="*/ 1384251 w 3217557"/>
              <a:gd name="connsiteY2" fmla="*/ 1041176 h 2654282"/>
              <a:gd name="connsiteX3" fmla="*/ 1194435 w 3217557"/>
              <a:gd name="connsiteY3" fmla="*/ 851360 h 2654282"/>
              <a:gd name="connsiteX4" fmla="*/ 1384251 w 3217557"/>
              <a:gd name="connsiteY4" fmla="*/ 661544 h 2654282"/>
              <a:gd name="connsiteX5" fmla="*/ 1993421 w 3217557"/>
              <a:gd name="connsiteY5" fmla="*/ 661544 h 2654282"/>
              <a:gd name="connsiteX6" fmla="*/ 2183237 w 3217557"/>
              <a:gd name="connsiteY6" fmla="*/ 851360 h 2654282"/>
              <a:gd name="connsiteX7" fmla="*/ 1993421 w 3217557"/>
              <a:gd name="connsiteY7" fmla="*/ 1041176 h 2654282"/>
              <a:gd name="connsiteX8" fmla="*/ 1803605 w 3217557"/>
              <a:gd name="connsiteY8" fmla="*/ 851360 h 2654282"/>
              <a:gd name="connsiteX9" fmla="*/ 1993421 w 3217557"/>
              <a:gd name="connsiteY9" fmla="*/ 661544 h 2654282"/>
              <a:gd name="connsiteX10" fmla="*/ 2602591 w 3217557"/>
              <a:gd name="connsiteY10" fmla="*/ 661544 h 2654282"/>
              <a:gd name="connsiteX11" fmla="*/ 2792407 w 3217557"/>
              <a:gd name="connsiteY11" fmla="*/ 851360 h 2654282"/>
              <a:gd name="connsiteX12" fmla="*/ 2602591 w 3217557"/>
              <a:gd name="connsiteY12" fmla="*/ 1041176 h 2654282"/>
              <a:gd name="connsiteX13" fmla="*/ 2412775 w 3217557"/>
              <a:gd name="connsiteY13" fmla="*/ 851360 h 2654282"/>
              <a:gd name="connsiteX14" fmla="*/ 2602591 w 3217557"/>
              <a:gd name="connsiteY14" fmla="*/ 661544 h 2654282"/>
              <a:gd name="connsiteX15" fmla="*/ 677114 w 3217557"/>
              <a:gd name="connsiteY15" fmla="*/ 569491 h 2654282"/>
              <a:gd name="connsiteX16" fmla="*/ 330916 w 3217557"/>
              <a:gd name="connsiteY16" fmla="*/ 569491 h 2654282"/>
              <a:gd name="connsiteX17" fmla="*/ 0 w 3217557"/>
              <a:gd name="connsiteY17" fmla="*/ 900407 h 2654282"/>
              <a:gd name="connsiteX18" fmla="*/ 0 w 3217557"/>
              <a:gd name="connsiteY18" fmla="*/ 1952009 h 2654282"/>
              <a:gd name="connsiteX19" fmla="*/ 330916 w 3217557"/>
              <a:gd name="connsiteY19" fmla="*/ 2282925 h 2654282"/>
              <a:gd name="connsiteX20" fmla="*/ 711670 w 3217557"/>
              <a:gd name="connsiteY20" fmla="*/ 2282925 h 2654282"/>
              <a:gd name="connsiteX21" fmla="*/ 275077 w 3217557"/>
              <a:gd name="connsiteY21" fmla="*/ 2654282 h 2654282"/>
              <a:gd name="connsiteX22" fmla="*/ 1294529 w 3217557"/>
              <a:gd name="connsiteY22" fmla="*/ 2282925 h 2654282"/>
              <a:gd name="connsiteX23" fmla="*/ 2117356 w 3217557"/>
              <a:gd name="connsiteY23" fmla="*/ 2282925 h 2654282"/>
              <a:gd name="connsiteX24" fmla="*/ 2418395 w 3217557"/>
              <a:gd name="connsiteY24" fmla="*/ 2087951 h 2654282"/>
              <a:gd name="connsiteX25" fmla="*/ 1830857 w 3217557"/>
              <a:gd name="connsiteY25" fmla="*/ 1799347 h 2654282"/>
              <a:gd name="connsiteX26" fmla="*/ 1008030 w 3217557"/>
              <a:gd name="connsiteY26" fmla="*/ 1799347 h 2654282"/>
              <a:gd name="connsiteX27" fmla="*/ 677114 w 3217557"/>
              <a:gd name="connsiteY27" fmla="*/ 1468431 h 2654282"/>
              <a:gd name="connsiteX28" fmla="*/ 677114 w 3217557"/>
              <a:gd name="connsiteY28" fmla="*/ 569491 h 2654282"/>
              <a:gd name="connsiteX29" fmla="*/ 2886641 w 3217557"/>
              <a:gd name="connsiteY29" fmla="*/ 0 h 2654282"/>
              <a:gd name="connsiteX30" fmla="*/ 1100201 w 3217557"/>
              <a:gd name="connsiteY30" fmla="*/ 0 h 2654282"/>
              <a:gd name="connsiteX31" fmla="*/ 769285 w 3217557"/>
              <a:gd name="connsiteY31" fmla="*/ 330916 h 2654282"/>
              <a:gd name="connsiteX32" fmla="*/ 769285 w 3217557"/>
              <a:gd name="connsiteY32" fmla="*/ 1382518 h 2654282"/>
              <a:gd name="connsiteX33" fmla="*/ 1100201 w 3217557"/>
              <a:gd name="connsiteY33" fmla="*/ 1713434 h 2654282"/>
              <a:gd name="connsiteX34" fmla="*/ 1923028 w 3217557"/>
              <a:gd name="connsiteY34" fmla="*/ 1713434 h 2654282"/>
              <a:gd name="connsiteX35" fmla="*/ 3078958 w 3217557"/>
              <a:gd name="connsiteY35" fmla="*/ 2077967 h 2654282"/>
              <a:gd name="connsiteX36" fmla="*/ 2505887 w 3217557"/>
              <a:gd name="connsiteY36" fmla="*/ 1713434 h 2654282"/>
              <a:gd name="connsiteX37" fmla="*/ 2886641 w 3217557"/>
              <a:gd name="connsiteY37" fmla="*/ 1713434 h 2654282"/>
              <a:gd name="connsiteX38" fmla="*/ 3217557 w 3217557"/>
              <a:gd name="connsiteY38" fmla="*/ 1382518 h 2654282"/>
              <a:gd name="connsiteX39" fmla="*/ 3217557 w 3217557"/>
              <a:gd name="connsiteY39" fmla="*/ 330916 h 2654282"/>
              <a:gd name="connsiteX40" fmla="*/ 2886641 w 3217557"/>
              <a:gd name="connsiteY40" fmla="*/ 0 h 2654282"/>
              <a:gd name="connsiteX0" fmla="*/ 1384251 w 3217557"/>
              <a:gd name="connsiteY0" fmla="*/ 661544 h 2654282"/>
              <a:gd name="connsiteX1" fmla="*/ 1574067 w 3217557"/>
              <a:gd name="connsiteY1" fmla="*/ 851360 h 2654282"/>
              <a:gd name="connsiteX2" fmla="*/ 1384251 w 3217557"/>
              <a:gd name="connsiteY2" fmla="*/ 1041176 h 2654282"/>
              <a:gd name="connsiteX3" fmla="*/ 1194435 w 3217557"/>
              <a:gd name="connsiteY3" fmla="*/ 851360 h 2654282"/>
              <a:gd name="connsiteX4" fmla="*/ 1384251 w 3217557"/>
              <a:gd name="connsiteY4" fmla="*/ 661544 h 2654282"/>
              <a:gd name="connsiteX5" fmla="*/ 1993421 w 3217557"/>
              <a:gd name="connsiteY5" fmla="*/ 661544 h 2654282"/>
              <a:gd name="connsiteX6" fmla="*/ 2183237 w 3217557"/>
              <a:gd name="connsiteY6" fmla="*/ 851360 h 2654282"/>
              <a:gd name="connsiteX7" fmla="*/ 1993421 w 3217557"/>
              <a:gd name="connsiteY7" fmla="*/ 1041176 h 2654282"/>
              <a:gd name="connsiteX8" fmla="*/ 1803605 w 3217557"/>
              <a:gd name="connsiteY8" fmla="*/ 851360 h 2654282"/>
              <a:gd name="connsiteX9" fmla="*/ 1993421 w 3217557"/>
              <a:gd name="connsiteY9" fmla="*/ 661544 h 2654282"/>
              <a:gd name="connsiteX10" fmla="*/ 2602591 w 3217557"/>
              <a:gd name="connsiteY10" fmla="*/ 661544 h 2654282"/>
              <a:gd name="connsiteX11" fmla="*/ 2792407 w 3217557"/>
              <a:gd name="connsiteY11" fmla="*/ 851360 h 2654282"/>
              <a:gd name="connsiteX12" fmla="*/ 2602591 w 3217557"/>
              <a:gd name="connsiteY12" fmla="*/ 1041176 h 2654282"/>
              <a:gd name="connsiteX13" fmla="*/ 2412775 w 3217557"/>
              <a:gd name="connsiteY13" fmla="*/ 851360 h 2654282"/>
              <a:gd name="connsiteX14" fmla="*/ 2602591 w 3217557"/>
              <a:gd name="connsiteY14" fmla="*/ 661544 h 2654282"/>
              <a:gd name="connsiteX15" fmla="*/ 677114 w 3217557"/>
              <a:gd name="connsiteY15" fmla="*/ 569491 h 2654282"/>
              <a:gd name="connsiteX16" fmla="*/ 330916 w 3217557"/>
              <a:gd name="connsiteY16" fmla="*/ 569491 h 2654282"/>
              <a:gd name="connsiteX17" fmla="*/ 0 w 3217557"/>
              <a:gd name="connsiteY17" fmla="*/ 900407 h 2654282"/>
              <a:gd name="connsiteX18" fmla="*/ 0 w 3217557"/>
              <a:gd name="connsiteY18" fmla="*/ 1952009 h 2654282"/>
              <a:gd name="connsiteX19" fmla="*/ 330916 w 3217557"/>
              <a:gd name="connsiteY19" fmla="*/ 2282925 h 2654282"/>
              <a:gd name="connsiteX20" fmla="*/ 711670 w 3217557"/>
              <a:gd name="connsiteY20" fmla="*/ 2282925 h 2654282"/>
              <a:gd name="connsiteX21" fmla="*/ 275077 w 3217557"/>
              <a:gd name="connsiteY21" fmla="*/ 2654282 h 2654282"/>
              <a:gd name="connsiteX22" fmla="*/ 1294529 w 3217557"/>
              <a:gd name="connsiteY22" fmla="*/ 2282925 h 2654282"/>
              <a:gd name="connsiteX23" fmla="*/ 2117356 w 3217557"/>
              <a:gd name="connsiteY23" fmla="*/ 2282925 h 2654282"/>
              <a:gd name="connsiteX24" fmla="*/ 2418395 w 3217557"/>
              <a:gd name="connsiteY24" fmla="*/ 2087951 h 2654282"/>
              <a:gd name="connsiteX25" fmla="*/ 1830857 w 3217557"/>
              <a:gd name="connsiteY25" fmla="*/ 1799347 h 2654282"/>
              <a:gd name="connsiteX26" fmla="*/ 1008030 w 3217557"/>
              <a:gd name="connsiteY26" fmla="*/ 1799347 h 2654282"/>
              <a:gd name="connsiteX27" fmla="*/ 677114 w 3217557"/>
              <a:gd name="connsiteY27" fmla="*/ 1468431 h 2654282"/>
              <a:gd name="connsiteX28" fmla="*/ 677114 w 3217557"/>
              <a:gd name="connsiteY28" fmla="*/ 569491 h 2654282"/>
              <a:gd name="connsiteX29" fmla="*/ 2886641 w 3217557"/>
              <a:gd name="connsiteY29" fmla="*/ 0 h 2654282"/>
              <a:gd name="connsiteX30" fmla="*/ 1100201 w 3217557"/>
              <a:gd name="connsiteY30" fmla="*/ 0 h 2654282"/>
              <a:gd name="connsiteX31" fmla="*/ 769285 w 3217557"/>
              <a:gd name="connsiteY31" fmla="*/ 330916 h 2654282"/>
              <a:gd name="connsiteX32" fmla="*/ 769285 w 3217557"/>
              <a:gd name="connsiteY32" fmla="*/ 1382518 h 2654282"/>
              <a:gd name="connsiteX33" fmla="*/ 1100201 w 3217557"/>
              <a:gd name="connsiteY33" fmla="*/ 1713434 h 2654282"/>
              <a:gd name="connsiteX34" fmla="*/ 1923028 w 3217557"/>
              <a:gd name="connsiteY34" fmla="*/ 1713434 h 2654282"/>
              <a:gd name="connsiteX35" fmla="*/ 3078958 w 3217557"/>
              <a:gd name="connsiteY35" fmla="*/ 2077967 h 2654282"/>
              <a:gd name="connsiteX36" fmla="*/ 2505887 w 3217557"/>
              <a:gd name="connsiteY36" fmla="*/ 1713434 h 2654282"/>
              <a:gd name="connsiteX37" fmla="*/ 2886641 w 3217557"/>
              <a:gd name="connsiteY37" fmla="*/ 1713434 h 2654282"/>
              <a:gd name="connsiteX38" fmla="*/ 3217557 w 3217557"/>
              <a:gd name="connsiteY38" fmla="*/ 1382518 h 2654282"/>
              <a:gd name="connsiteX39" fmla="*/ 3217557 w 3217557"/>
              <a:gd name="connsiteY39" fmla="*/ 330916 h 2654282"/>
              <a:gd name="connsiteX40" fmla="*/ 2886641 w 3217557"/>
              <a:gd name="connsiteY40" fmla="*/ 0 h 26542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</a:cxnLst>
            <a:rect l="l" t="t" r="r" b="b"/>
            <a:pathLst>
              <a:path w="3217557" h="2654282">
                <a:moveTo>
                  <a:pt x="1384251" y="661544"/>
                </a:moveTo>
                <a:cubicBezTo>
                  <a:pt x="1489083" y="661544"/>
                  <a:pt x="1574067" y="746528"/>
                  <a:pt x="1574067" y="851360"/>
                </a:cubicBezTo>
                <a:cubicBezTo>
                  <a:pt x="1574067" y="956192"/>
                  <a:pt x="1489083" y="1041176"/>
                  <a:pt x="1384251" y="1041176"/>
                </a:cubicBezTo>
                <a:cubicBezTo>
                  <a:pt x="1279419" y="1041176"/>
                  <a:pt x="1194435" y="956192"/>
                  <a:pt x="1194435" y="851360"/>
                </a:cubicBezTo>
                <a:cubicBezTo>
                  <a:pt x="1194435" y="746528"/>
                  <a:pt x="1279419" y="661544"/>
                  <a:pt x="1384251" y="661544"/>
                </a:cubicBezTo>
                <a:close/>
                <a:moveTo>
                  <a:pt x="1993421" y="661544"/>
                </a:moveTo>
                <a:cubicBezTo>
                  <a:pt x="2098253" y="661544"/>
                  <a:pt x="2183237" y="746528"/>
                  <a:pt x="2183237" y="851360"/>
                </a:cubicBezTo>
                <a:cubicBezTo>
                  <a:pt x="2183237" y="956192"/>
                  <a:pt x="2098253" y="1041176"/>
                  <a:pt x="1993421" y="1041176"/>
                </a:cubicBezTo>
                <a:cubicBezTo>
                  <a:pt x="1888589" y="1041176"/>
                  <a:pt x="1803605" y="956192"/>
                  <a:pt x="1803605" y="851360"/>
                </a:cubicBezTo>
                <a:cubicBezTo>
                  <a:pt x="1803605" y="746528"/>
                  <a:pt x="1888589" y="661544"/>
                  <a:pt x="1993421" y="661544"/>
                </a:cubicBezTo>
                <a:close/>
                <a:moveTo>
                  <a:pt x="2602591" y="661544"/>
                </a:moveTo>
                <a:cubicBezTo>
                  <a:pt x="2707423" y="661544"/>
                  <a:pt x="2792407" y="746528"/>
                  <a:pt x="2792407" y="851360"/>
                </a:cubicBezTo>
                <a:cubicBezTo>
                  <a:pt x="2792407" y="956192"/>
                  <a:pt x="2707423" y="1041176"/>
                  <a:pt x="2602591" y="1041176"/>
                </a:cubicBezTo>
                <a:cubicBezTo>
                  <a:pt x="2497759" y="1041176"/>
                  <a:pt x="2412775" y="956192"/>
                  <a:pt x="2412775" y="851360"/>
                </a:cubicBezTo>
                <a:cubicBezTo>
                  <a:pt x="2412775" y="746528"/>
                  <a:pt x="2497759" y="661544"/>
                  <a:pt x="2602591" y="661544"/>
                </a:cubicBezTo>
                <a:close/>
                <a:moveTo>
                  <a:pt x="677114" y="569491"/>
                </a:moveTo>
                <a:lnTo>
                  <a:pt x="330916" y="569491"/>
                </a:lnTo>
                <a:cubicBezTo>
                  <a:pt x="148156" y="569491"/>
                  <a:pt x="0" y="717647"/>
                  <a:pt x="0" y="900407"/>
                </a:cubicBezTo>
                <a:lnTo>
                  <a:pt x="0" y="1952009"/>
                </a:lnTo>
                <a:cubicBezTo>
                  <a:pt x="0" y="2134769"/>
                  <a:pt x="148156" y="2282925"/>
                  <a:pt x="330916" y="2282925"/>
                </a:cubicBezTo>
                <a:lnTo>
                  <a:pt x="711670" y="2282925"/>
                </a:lnTo>
                <a:cubicBezTo>
                  <a:pt x="639726" y="2394386"/>
                  <a:pt x="647101" y="2475544"/>
                  <a:pt x="275077" y="2654282"/>
                </a:cubicBezTo>
                <a:cubicBezTo>
                  <a:pt x="900998" y="2583693"/>
                  <a:pt x="998412" y="2552618"/>
                  <a:pt x="1294529" y="2282925"/>
                </a:cubicBezTo>
                <a:lnTo>
                  <a:pt x="2117356" y="2282925"/>
                </a:lnTo>
                <a:cubicBezTo>
                  <a:pt x="2251554" y="2282925"/>
                  <a:pt x="2367095" y="2203043"/>
                  <a:pt x="2418395" y="2087951"/>
                </a:cubicBezTo>
                <a:cubicBezTo>
                  <a:pt x="2205538" y="2022975"/>
                  <a:pt x="2032941" y="1932583"/>
                  <a:pt x="1830857" y="1799347"/>
                </a:cubicBezTo>
                <a:lnTo>
                  <a:pt x="1008030" y="1799347"/>
                </a:lnTo>
                <a:cubicBezTo>
                  <a:pt x="825270" y="1799347"/>
                  <a:pt x="677114" y="1651191"/>
                  <a:pt x="677114" y="1468431"/>
                </a:cubicBezTo>
                <a:lnTo>
                  <a:pt x="677114" y="569491"/>
                </a:lnTo>
                <a:close/>
                <a:moveTo>
                  <a:pt x="2886641" y="0"/>
                </a:moveTo>
                <a:lnTo>
                  <a:pt x="1100201" y="0"/>
                </a:lnTo>
                <a:cubicBezTo>
                  <a:pt x="917441" y="0"/>
                  <a:pt x="769285" y="148156"/>
                  <a:pt x="769285" y="330916"/>
                </a:cubicBezTo>
                <a:lnTo>
                  <a:pt x="769285" y="1382518"/>
                </a:lnTo>
                <a:cubicBezTo>
                  <a:pt x="769285" y="1565278"/>
                  <a:pt x="917441" y="1713434"/>
                  <a:pt x="1100201" y="1713434"/>
                </a:cubicBezTo>
                <a:lnTo>
                  <a:pt x="1923028" y="1713434"/>
                </a:lnTo>
                <a:cubicBezTo>
                  <a:pt x="2301032" y="1962656"/>
                  <a:pt x="2453037" y="2007378"/>
                  <a:pt x="3078958" y="2077967"/>
                </a:cubicBezTo>
                <a:cubicBezTo>
                  <a:pt x="2713759" y="1878758"/>
                  <a:pt x="2673367" y="1899957"/>
                  <a:pt x="2505887" y="1713434"/>
                </a:cubicBezTo>
                <a:lnTo>
                  <a:pt x="2886641" y="1713434"/>
                </a:lnTo>
                <a:cubicBezTo>
                  <a:pt x="3069401" y="1713434"/>
                  <a:pt x="3217557" y="1565278"/>
                  <a:pt x="3217557" y="1382518"/>
                </a:cubicBezTo>
                <a:lnTo>
                  <a:pt x="3217557" y="330916"/>
                </a:lnTo>
                <a:cubicBezTo>
                  <a:pt x="3217557" y="148156"/>
                  <a:pt x="3069401" y="0"/>
                  <a:pt x="2886641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ko-KR"/>
            </a:defPPr>
            <a:lvl1pPr marL="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1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dirty="0"/>
          </a:p>
        </p:txBody>
      </p:sp>
      <p:sp>
        <p:nvSpPr>
          <p:cNvPr id="37" name="Rectangle 9">
            <a:extLst>
              <a:ext uri="{FF2B5EF4-FFF2-40B4-BE49-F238E27FC236}">
                <a16:creationId xmlns:a16="http://schemas.microsoft.com/office/drawing/2014/main" id="{212561BF-2E7E-468B-AEA4-E9EE455B0AD8}"/>
              </a:ext>
            </a:extLst>
          </p:cNvPr>
          <p:cNvSpPr/>
          <p:nvPr/>
        </p:nvSpPr>
        <p:spPr>
          <a:xfrm>
            <a:off x="4209295" y="2137300"/>
            <a:ext cx="437742" cy="366867"/>
          </a:xfrm>
          <a:custGeom>
            <a:avLst/>
            <a:gdLst>
              <a:gd name="connsiteX0" fmla="*/ 833935 w 3239999"/>
              <a:gd name="connsiteY0" fmla="*/ 22 h 3032924"/>
              <a:gd name="connsiteX1" fmla="*/ 1576606 w 3239999"/>
              <a:gd name="connsiteY1" fmla="*/ 402054 h 3032924"/>
              <a:gd name="connsiteX2" fmla="*/ 1576606 w 3239999"/>
              <a:gd name="connsiteY2" fmla="*/ 430441 h 3032924"/>
              <a:gd name="connsiteX3" fmla="*/ 1576606 w 3239999"/>
              <a:gd name="connsiteY3" fmla="*/ 526981 h 3032924"/>
              <a:gd name="connsiteX4" fmla="*/ 1576606 w 3239999"/>
              <a:gd name="connsiteY4" fmla="*/ 2765302 h 3032924"/>
              <a:gd name="connsiteX5" fmla="*/ 378630 w 3239999"/>
              <a:gd name="connsiteY5" fmla="*/ 2472117 h 3032924"/>
              <a:gd name="connsiteX6" fmla="*/ 384918 w 3239999"/>
              <a:gd name="connsiteY6" fmla="*/ 526981 h 3032924"/>
              <a:gd name="connsiteX7" fmla="*/ 239143 w 3239999"/>
              <a:gd name="connsiteY7" fmla="*/ 526981 h 3032924"/>
              <a:gd name="connsiteX8" fmla="*/ 239143 w 3239999"/>
              <a:gd name="connsiteY8" fmla="*/ 2776423 h 3032924"/>
              <a:gd name="connsiteX9" fmla="*/ 1576606 w 3239999"/>
              <a:gd name="connsiteY9" fmla="*/ 2776423 h 3032924"/>
              <a:gd name="connsiteX10" fmla="*/ 1576606 w 3239999"/>
              <a:gd name="connsiteY10" fmla="*/ 2778202 h 3032924"/>
              <a:gd name="connsiteX11" fmla="*/ 1663394 w 3239999"/>
              <a:gd name="connsiteY11" fmla="*/ 2778202 h 3032924"/>
              <a:gd name="connsiteX12" fmla="*/ 1663394 w 3239999"/>
              <a:gd name="connsiteY12" fmla="*/ 2776423 h 3032924"/>
              <a:gd name="connsiteX13" fmla="*/ 3000856 w 3239999"/>
              <a:gd name="connsiteY13" fmla="*/ 2776423 h 3032924"/>
              <a:gd name="connsiteX14" fmla="*/ 3000856 w 3239999"/>
              <a:gd name="connsiteY14" fmla="*/ 526981 h 3032924"/>
              <a:gd name="connsiteX15" fmla="*/ 2855082 w 3239999"/>
              <a:gd name="connsiteY15" fmla="*/ 526981 h 3032924"/>
              <a:gd name="connsiteX16" fmla="*/ 2861369 w 3239999"/>
              <a:gd name="connsiteY16" fmla="*/ 2472117 h 3032924"/>
              <a:gd name="connsiteX17" fmla="*/ 1663394 w 3239999"/>
              <a:gd name="connsiteY17" fmla="*/ 2765302 h 3032924"/>
              <a:gd name="connsiteX18" fmla="*/ 1663394 w 3239999"/>
              <a:gd name="connsiteY18" fmla="*/ 526981 h 3032924"/>
              <a:gd name="connsiteX19" fmla="*/ 1663394 w 3239999"/>
              <a:gd name="connsiteY19" fmla="*/ 430441 h 3032924"/>
              <a:gd name="connsiteX20" fmla="*/ 1663394 w 3239999"/>
              <a:gd name="connsiteY20" fmla="*/ 402054 h 3032924"/>
              <a:gd name="connsiteX21" fmla="*/ 2406065 w 3239999"/>
              <a:gd name="connsiteY21" fmla="*/ 22 h 3032924"/>
              <a:gd name="connsiteX22" fmla="*/ 2853673 w 3239999"/>
              <a:gd name="connsiteY22" fmla="*/ 91100 h 3032924"/>
              <a:gd name="connsiteX23" fmla="*/ 2854770 w 3239999"/>
              <a:gd name="connsiteY23" fmla="*/ 430441 h 3032924"/>
              <a:gd name="connsiteX24" fmla="*/ 3120669 w 3239999"/>
              <a:gd name="connsiteY24" fmla="*/ 428517 h 3032924"/>
              <a:gd name="connsiteX25" fmla="*/ 3120669 w 3239999"/>
              <a:gd name="connsiteY25" fmla="*/ 738345 h 3032924"/>
              <a:gd name="connsiteX26" fmla="*/ 3239999 w 3239999"/>
              <a:gd name="connsiteY26" fmla="*/ 738345 h 3032924"/>
              <a:gd name="connsiteX27" fmla="*/ 3239999 w 3239999"/>
              <a:gd name="connsiteY27" fmla="*/ 3032924 h 3032924"/>
              <a:gd name="connsiteX28" fmla="*/ 0 w 3239999"/>
              <a:gd name="connsiteY28" fmla="*/ 3032924 h 3032924"/>
              <a:gd name="connsiteX29" fmla="*/ 0 w 3239999"/>
              <a:gd name="connsiteY29" fmla="*/ 738345 h 3032924"/>
              <a:gd name="connsiteX30" fmla="*/ 102477 w 3239999"/>
              <a:gd name="connsiteY30" fmla="*/ 738345 h 3032924"/>
              <a:gd name="connsiteX31" fmla="*/ 102477 w 3239999"/>
              <a:gd name="connsiteY31" fmla="*/ 428517 h 3032924"/>
              <a:gd name="connsiteX32" fmla="*/ 385229 w 3239999"/>
              <a:gd name="connsiteY32" fmla="*/ 430441 h 3032924"/>
              <a:gd name="connsiteX33" fmla="*/ 386326 w 3239999"/>
              <a:gd name="connsiteY33" fmla="*/ 91100 h 3032924"/>
              <a:gd name="connsiteX34" fmla="*/ 833935 w 3239999"/>
              <a:gd name="connsiteY34" fmla="*/ 22 h 3032924"/>
              <a:gd name="connsiteX0" fmla="*/ 833935 w 3239999"/>
              <a:gd name="connsiteY0" fmla="*/ 22 h 3032924"/>
              <a:gd name="connsiteX1" fmla="*/ 1576606 w 3239999"/>
              <a:gd name="connsiteY1" fmla="*/ 402054 h 3032924"/>
              <a:gd name="connsiteX2" fmla="*/ 1576606 w 3239999"/>
              <a:gd name="connsiteY2" fmla="*/ 430441 h 3032924"/>
              <a:gd name="connsiteX3" fmla="*/ 1576606 w 3239999"/>
              <a:gd name="connsiteY3" fmla="*/ 526981 h 3032924"/>
              <a:gd name="connsiteX4" fmla="*/ 1576606 w 3239999"/>
              <a:gd name="connsiteY4" fmla="*/ 2765302 h 3032924"/>
              <a:gd name="connsiteX5" fmla="*/ 378630 w 3239999"/>
              <a:gd name="connsiteY5" fmla="*/ 2472117 h 3032924"/>
              <a:gd name="connsiteX6" fmla="*/ 384918 w 3239999"/>
              <a:gd name="connsiteY6" fmla="*/ 526981 h 3032924"/>
              <a:gd name="connsiteX7" fmla="*/ 239143 w 3239999"/>
              <a:gd name="connsiteY7" fmla="*/ 526981 h 3032924"/>
              <a:gd name="connsiteX8" fmla="*/ 239143 w 3239999"/>
              <a:gd name="connsiteY8" fmla="*/ 2776423 h 3032924"/>
              <a:gd name="connsiteX9" fmla="*/ 1576606 w 3239999"/>
              <a:gd name="connsiteY9" fmla="*/ 2776423 h 3032924"/>
              <a:gd name="connsiteX10" fmla="*/ 1576606 w 3239999"/>
              <a:gd name="connsiteY10" fmla="*/ 2778202 h 3032924"/>
              <a:gd name="connsiteX11" fmla="*/ 1663394 w 3239999"/>
              <a:gd name="connsiteY11" fmla="*/ 2778202 h 3032924"/>
              <a:gd name="connsiteX12" fmla="*/ 1663394 w 3239999"/>
              <a:gd name="connsiteY12" fmla="*/ 2776423 h 3032924"/>
              <a:gd name="connsiteX13" fmla="*/ 3000856 w 3239999"/>
              <a:gd name="connsiteY13" fmla="*/ 2776423 h 3032924"/>
              <a:gd name="connsiteX14" fmla="*/ 3000856 w 3239999"/>
              <a:gd name="connsiteY14" fmla="*/ 526981 h 3032924"/>
              <a:gd name="connsiteX15" fmla="*/ 2855082 w 3239999"/>
              <a:gd name="connsiteY15" fmla="*/ 526981 h 3032924"/>
              <a:gd name="connsiteX16" fmla="*/ 2861369 w 3239999"/>
              <a:gd name="connsiteY16" fmla="*/ 2472117 h 3032924"/>
              <a:gd name="connsiteX17" fmla="*/ 1663394 w 3239999"/>
              <a:gd name="connsiteY17" fmla="*/ 2765302 h 3032924"/>
              <a:gd name="connsiteX18" fmla="*/ 1663394 w 3239999"/>
              <a:gd name="connsiteY18" fmla="*/ 526981 h 3032924"/>
              <a:gd name="connsiteX19" fmla="*/ 1663394 w 3239999"/>
              <a:gd name="connsiteY19" fmla="*/ 430441 h 3032924"/>
              <a:gd name="connsiteX20" fmla="*/ 1663394 w 3239999"/>
              <a:gd name="connsiteY20" fmla="*/ 402054 h 3032924"/>
              <a:gd name="connsiteX21" fmla="*/ 2406065 w 3239999"/>
              <a:gd name="connsiteY21" fmla="*/ 22 h 3032924"/>
              <a:gd name="connsiteX22" fmla="*/ 2853673 w 3239999"/>
              <a:gd name="connsiteY22" fmla="*/ 91100 h 3032924"/>
              <a:gd name="connsiteX23" fmla="*/ 2854770 w 3239999"/>
              <a:gd name="connsiteY23" fmla="*/ 430441 h 3032924"/>
              <a:gd name="connsiteX24" fmla="*/ 3120669 w 3239999"/>
              <a:gd name="connsiteY24" fmla="*/ 428517 h 3032924"/>
              <a:gd name="connsiteX25" fmla="*/ 3120669 w 3239999"/>
              <a:gd name="connsiteY25" fmla="*/ 738345 h 3032924"/>
              <a:gd name="connsiteX26" fmla="*/ 3239999 w 3239999"/>
              <a:gd name="connsiteY26" fmla="*/ 738345 h 3032924"/>
              <a:gd name="connsiteX27" fmla="*/ 3239999 w 3239999"/>
              <a:gd name="connsiteY27" fmla="*/ 3032924 h 3032924"/>
              <a:gd name="connsiteX28" fmla="*/ 0 w 3239999"/>
              <a:gd name="connsiteY28" fmla="*/ 3032924 h 3032924"/>
              <a:gd name="connsiteX29" fmla="*/ 0 w 3239999"/>
              <a:gd name="connsiteY29" fmla="*/ 738345 h 3032924"/>
              <a:gd name="connsiteX30" fmla="*/ 102477 w 3239999"/>
              <a:gd name="connsiteY30" fmla="*/ 738345 h 3032924"/>
              <a:gd name="connsiteX31" fmla="*/ 102477 w 3239999"/>
              <a:gd name="connsiteY31" fmla="*/ 428517 h 3032924"/>
              <a:gd name="connsiteX32" fmla="*/ 385229 w 3239999"/>
              <a:gd name="connsiteY32" fmla="*/ 430441 h 3032924"/>
              <a:gd name="connsiteX33" fmla="*/ 386326 w 3239999"/>
              <a:gd name="connsiteY33" fmla="*/ 91100 h 3032924"/>
              <a:gd name="connsiteX34" fmla="*/ 833935 w 3239999"/>
              <a:gd name="connsiteY34" fmla="*/ 22 h 3032924"/>
              <a:gd name="connsiteX0" fmla="*/ 833935 w 3239999"/>
              <a:gd name="connsiteY0" fmla="*/ 22 h 3032924"/>
              <a:gd name="connsiteX1" fmla="*/ 1576606 w 3239999"/>
              <a:gd name="connsiteY1" fmla="*/ 402054 h 3032924"/>
              <a:gd name="connsiteX2" fmla="*/ 1576606 w 3239999"/>
              <a:gd name="connsiteY2" fmla="*/ 430441 h 3032924"/>
              <a:gd name="connsiteX3" fmla="*/ 1576606 w 3239999"/>
              <a:gd name="connsiteY3" fmla="*/ 526981 h 3032924"/>
              <a:gd name="connsiteX4" fmla="*/ 1576606 w 3239999"/>
              <a:gd name="connsiteY4" fmla="*/ 2765302 h 3032924"/>
              <a:gd name="connsiteX5" fmla="*/ 378630 w 3239999"/>
              <a:gd name="connsiteY5" fmla="*/ 2472117 h 3032924"/>
              <a:gd name="connsiteX6" fmla="*/ 384918 w 3239999"/>
              <a:gd name="connsiteY6" fmla="*/ 526981 h 3032924"/>
              <a:gd name="connsiteX7" fmla="*/ 239143 w 3239999"/>
              <a:gd name="connsiteY7" fmla="*/ 526981 h 3032924"/>
              <a:gd name="connsiteX8" fmla="*/ 239143 w 3239999"/>
              <a:gd name="connsiteY8" fmla="*/ 2776423 h 3032924"/>
              <a:gd name="connsiteX9" fmla="*/ 1576606 w 3239999"/>
              <a:gd name="connsiteY9" fmla="*/ 2776423 h 3032924"/>
              <a:gd name="connsiteX10" fmla="*/ 1576606 w 3239999"/>
              <a:gd name="connsiteY10" fmla="*/ 2778202 h 3032924"/>
              <a:gd name="connsiteX11" fmla="*/ 1663394 w 3239999"/>
              <a:gd name="connsiteY11" fmla="*/ 2778202 h 3032924"/>
              <a:gd name="connsiteX12" fmla="*/ 1663394 w 3239999"/>
              <a:gd name="connsiteY12" fmla="*/ 2776423 h 3032924"/>
              <a:gd name="connsiteX13" fmla="*/ 3000856 w 3239999"/>
              <a:gd name="connsiteY13" fmla="*/ 2776423 h 3032924"/>
              <a:gd name="connsiteX14" fmla="*/ 3000856 w 3239999"/>
              <a:gd name="connsiteY14" fmla="*/ 526981 h 3032924"/>
              <a:gd name="connsiteX15" fmla="*/ 2855082 w 3239999"/>
              <a:gd name="connsiteY15" fmla="*/ 526981 h 3032924"/>
              <a:gd name="connsiteX16" fmla="*/ 2861369 w 3239999"/>
              <a:gd name="connsiteY16" fmla="*/ 2472117 h 3032924"/>
              <a:gd name="connsiteX17" fmla="*/ 1663394 w 3239999"/>
              <a:gd name="connsiteY17" fmla="*/ 2765302 h 3032924"/>
              <a:gd name="connsiteX18" fmla="*/ 1663394 w 3239999"/>
              <a:gd name="connsiteY18" fmla="*/ 526981 h 3032924"/>
              <a:gd name="connsiteX19" fmla="*/ 1663394 w 3239999"/>
              <a:gd name="connsiteY19" fmla="*/ 430441 h 3032924"/>
              <a:gd name="connsiteX20" fmla="*/ 1663394 w 3239999"/>
              <a:gd name="connsiteY20" fmla="*/ 402054 h 3032924"/>
              <a:gd name="connsiteX21" fmla="*/ 2406065 w 3239999"/>
              <a:gd name="connsiteY21" fmla="*/ 22 h 3032924"/>
              <a:gd name="connsiteX22" fmla="*/ 2853673 w 3239999"/>
              <a:gd name="connsiteY22" fmla="*/ 91100 h 3032924"/>
              <a:gd name="connsiteX23" fmla="*/ 2854770 w 3239999"/>
              <a:gd name="connsiteY23" fmla="*/ 430441 h 3032924"/>
              <a:gd name="connsiteX24" fmla="*/ 3120669 w 3239999"/>
              <a:gd name="connsiteY24" fmla="*/ 428517 h 3032924"/>
              <a:gd name="connsiteX25" fmla="*/ 3120669 w 3239999"/>
              <a:gd name="connsiteY25" fmla="*/ 738345 h 3032924"/>
              <a:gd name="connsiteX26" fmla="*/ 3239999 w 3239999"/>
              <a:gd name="connsiteY26" fmla="*/ 738345 h 3032924"/>
              <a:gd name="connsiteX27" fmla="*/ 3239999 w 3239999"/>
              <a:gd name="connsiteY27" fmla="*/ 3032924 h 3032924"/>
              <a:gd name="connsiteX28" fmla="*/ 0 w 3239999"/>
              <a:gd name="connsiteY28" fmla="*/ 3032924 h 3032924"/>
              <a:gd name="connsiteX29" fmla="*/ 0 w 3239999"/>
              <a:gd name="connsiteY29" fmla="*/ 738345 h 3032924"/>
              <a:gd name="connsiteX30" fmla="*/ 102477 w 3239999"/>
              <a:gd name="connsiteY30" fmla="*/ 738345 h 3032924"/>
              <a:gd name="connsiteX31" fmla="*/ 102477 w 3239999"/>
              <a:gd name="connsiteY31" fmla="*/ 428517 h 3032924"/>
              <a:gd name="connsiteX32" fmla="*/ 385229 w 3239999"/>
              <a:gd name="connsiteY32" fmla="*/ 430441 h 3032924"/>
              <a:gd name="connsiteX33" fmla="*/ 386326 w 3239999"/>
              <a:gd name="connsiteY33" fmla="*/ 91100 h 3032924"/>
              <a:gd name="connsiteX34" fmla="*/ 833935 w 3239999"/>
              <a:gd name="connsiteY34" fmla="*/ 2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29618 w 3239999"/>
              <a:gd name="connsiteY32" fmla="*/ 2690698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2991331 w 3239999"/>
              <a:gd name="connsiteY3" fmla="*/ 2709748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29618 w 3239999"/>
              <a:gd name="connsiteY32" fmla="*/ 2690698 h 3032924"/>
              <a:gd name="connsiteX33" fmla="*/ 1576606 w 3239999"/>
              <a:gd name="connsiteY33" fmla="*/ 2776423 h 30329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3239999" h="3032924">
                <a:moveTo>
                  <a:pt x="1576606" y="2778202"/>
                </a:moveTo>
                <a:cubicBezTo>
                  <a:pt x="1576606" y="2778795"/>
                  <a:pt x="1663394" y="2792670"/>
                  <a:pt x="1663394" y="2778202"/>
                </a:cubicBezTo>
                <a:lnTo>
                  <a:pt x="1663394" y="2776423"/>
                </a:lnTo>
                <a:cubicBezTo>
                  <a:pt x="2185083" y="2605634"/>
                  <a:pt x="2444552" y="2500589"/>
                  <a:pt x="2991331" y="2709748"/>
                </a:cubicBezTo>
                <a:lnTo>
                  <a:pt x="3000856" y="526981"/>
                </a:lnTo>
                <a:lnTo>
                  <a:pt x="2855082" y="526981"/>
                </a:lnTo>
                <a:cubicBezTo>
                  <a:pt x="2857178" y="1175360"/>
                  <a:pt x="2859273" y="1823738"/>
                  <a:pt x="2861369" y="2472117"/>
                </a:cubicBezTo>
                <a:cubicBezTo>
                  <a:pt x="2483869" y="2318121"/>
                  <a:pt x="2052449" y="2439541"/>
                  <a:pt x="1663394" y="2765302"/>
                </a:cubicBezTo>
                <a:lnTo>
                  <a:pt x="1663394" y="526981"/>
                </a:lnTo>
                <a:lnTo>
                  <a:pt x="1663394" y="430441"/>
                </a:lnTo>
                <a:lnTo>
                  <a:pt x="1663394" y="402054"/>
                </a:lnTo>
                <a:cubicBezTo>
                  <a:pt x="1896442" y="149589"/>
                  <a:pt x="2115835" y="2106"/>
                  <a:pt x="2406065" y="22"/>
                </a:cubicBezTo>
                <a:cubicBezTo>
                  <a:pt x="2537987" y="-925"/>
                  <a:pt x="2684544" y="28169"/>
                  <a:pt x="2853673" y="91100"/>
                </a:cubicBezTo>
                <a:cubicBezTo>
                  <a:pt x="2854039" y="204214"/>
                  <a:pt x="2854404" y="317327"/>
                  <a:pt x="2854770" y="430441"/>
                </a:cubicBezTo>
                <a:lnTo>
                  <a:pt x="3120669" y="428517"/>
                </a:lnTo>
                <a:lnTo>
                  <a:pt x="3120669" y="738345"/>
                </a:lnTo>
                <a:lnTo>
                  <a:pt x="3239999" y="738345"/>
                </a:lnTo>
                <a:lnTo>
                  <a:pt x="3239999" y="3032924"/>
                </a:lnTo>
                <a:lnTo>
                  <a:pt x="0" y="3032924"/>
                </a:lnTo>
                <a:lnTo>
                  <a:pt x="0" y="738345"/>
                </a:lnTo>
                <a:lnTo>
                  <a:pt x="102477" y="738345"/>
                </a:lnTo>
                <a:lnTo>
                  <a:pt x="102477" y="428517"/>
                </a:lnTo>
                <a:lnTo>
                  <a:pt x="385229" y="430441"/>
                </a:lnTo>
                <a:cubicBezTo>
                  <a:pt x="385595" y="317327"/>
                  <a:pt x="385960" y="204214"/>
                  <a:pt x="386326" y="91100"/>
                </a:cubicBezTo>
                <a:cubicBezTo>
                  <a:pt x="555455" y="28169"/>
                  <a:pt x="702013" y="-925"/>
                  <a:pt x="833935" y="22"/>
                </a:cubicBezTo>
                <a:cubicBezTo>
                  <a:pt x="1124164" y="2106"/>
                  <a:pt x="1343558" y="149589"/>
                  <a:pt x="1576606" y="402054"/>
                </a:cubicBezTo>
                <a:lnTo>
                  <a:pt x="1576606" y="430441"/>
                </a:lnTo>
                <a:lnTo>
                  <a:pt x="1576606" y="526981"/>
                </a:lnTo>
                <a:lnTo>
                  <a:pt x="1576606" y="2765302"/>
                </a:lnTo>
                <a:cubicBezTo>
                  <a:pt x="1187550" y="2439541"/>
                  <a:pt x="756130" y="2318121"/>
                  <a:pt x="378630" y="2472117"/>
                </a:cubicBezTo>
                <a:lnTo>
                  <a:pt x="384918" y="526981"/>
                </a:lnTo>
                <a:lnTo>
                  <a:pt x="239143" y="526981"/>
                </a:lnTo>
                <a:lnTo>
                  <a:pt x="229618" y="2690698"/>
                </a:lnTo>
                <a:cubicBezTo>
                  <a:pt x="773243" y="2466244"/>
                  <a:pt x="1081748" y="2626096"/>
                  <a:pt x="1576606" y="2776423"/>
                </a:cubicBezTo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38" name="Rectangle 7">
            <a:extLst>
              <a:ext uri="{FF2B5EF4-FFF2-40B4-BE49-F238E27FC236}">
                <a16:creationId xmlns:a16="http://schemas.microsoft.com/office/drawing/2014/main" id="{EC986413-7E1D-4C18-9ADB-F99FBE8A83E5}"/>
              </a:ext>
            </a:extLst>
          </p:cNvPr>
          <p:cNvSpPr/>
          <p:nvPr/>
        </p:nvSpPr>
        <p:spPr>
          <a:xfrm rot="18900000">
            <a:off x="7596836" y="2874952"/>
            <a:ext cx="225664" cy="502732"/>
          </a:xfrm>
          <a:custGeom>
            <a:avLst/>
            <a:gdLst/>
            <a:ahLst/>
            <a:cxnLst/>
            <a:rect l="l" t="t" r="r" b="b"/>
            <a:pathLst>
              <a:path w="154109" h="343323">
                <a:moveTo>
                  <a:pt x="102909" y="313772"/>
                </a:moveTo>
                <a:lnTo>
                  <a:pt x="102909" y="328547"/>
                </a:lnTo>
                <a:cubicBezTo>
                  <a:pt x="102909" y="336708"/>
                  <a:pt x="96294" y="343322"/>
                  <a:pt x="88133" y="343323"/>
                </a:cubicBezTo>
                <a:lnTo>
                  <a:pt x="65975" y="343322"/>
                </a:lnTo>
                <a:cubicBezTo>
                  <a:pt x="57814" y="343322"/>
                  <a:pt x="51199" y="336708"/>
                  <a:pt x="51199" y="328547"/>
                </a:cubicBezTo>
                <a:cubicBezTo>
                  <a:pt x="51199" y="323622"/>
                  <a:pt x="51200" y="318696"/>
                  <a:pt x="51200" y="313771"/>
                </a:cubicBezTo>
                <a:close/>
                <a:moveTo>
                  <a:pt x="123327" y="15459"/>
                </a:moveTo>
                <a:cubicBezTo>
                  <a:pt x="141678" y="29245"/>
                  <a:pt x="152926" y="50497"/>
                  <a:pt x="154008" y="73425"/>
                </a:cubicBezTo>
                <a:cubicBezTo>
                  <a:pt x="155089" y="96353"/>
                  <a:pt x="145890" y="118568"/>
                  <a:pt x="128916" y="134021"/>
                </a:cubicBezTo>
                <a:lnTo>
                  <a:pt x="119294" y="123450"/>
                </a:lnTo>
                <a:cubicBezTo>
                  <a:pt x="133118" y="110865"/>
                  <a:pt x="140611" y="92772"/>
                  <a:pt x="139730" y="74098"/>
                </a:cubicBezTo>
                <a:cubicBezTo>
                  <a:pt x="138850" y="55424"/>
                  <a:pt x="129689" y="38115"/>
                  <a:pt x="114743" y="26887"/>
                </a:cubicBezTo>
                <a:close/>
                <a:moveTo>
                  <a:pt x="136698" y="17411"/>
                </a:moveTo>
                <a:cubicBezTo>
                  <a:pt x="103758" y="-15529"/>
                  <a:pt x="50351" y="-15529"/>
                  <a:pt x="17412" y="17411"/>
                </a:cubicBezTo>
                <a:cubicBezTo>
                  <a:pt x="-15528" y="50351"/>
                  <a:pt x="-15528" y="103757"/>
                  <a:pt x="17412" y="136697"/>
                </a:cubicBezTo>
                <a:cubicBezTo>
                  <a:pt x="50351" y="169637"/>
                  <a:pt x="103758" y="169637"/>
                  <a:pt x="136698" y="136697"/>
                </a:cubicBezTo>
                <a:cubicBezTo>
                  <a:pt x="169637" y="103757"/>
                  <a:pt x="169637" y="50351"/>
                  <a:pt x="136698" y="17411"/>
                </a:cubicBezTo>
                <a:close/>
                <a:moveTo>
                  <a:pt x="154109" y="0"/>
                </a:moveTo>
                <a:cubicBezTo>
                  <a:pt x="196665" y="42556"/>
                  <a:pt x="196665" y="111552"/>
                  <a:pt x="154109" y="154108"/>
                </a:cubicBezTo>
                <a:cubicBezTo>
                  <a:pt x="139576" y="168641"/>
                  <a:pt x="121959" y="178211"/>
                  <a:pt x="102912" y="180994"/>
                </a:cubicBezTo>
                <a:lnTo>
                  <a:pt x="102912" y="308310"/>
                </a:lnTo>
                <a:lnTo>
                  <a:pt x="51197" y="308310"/>
                </a:lnTo>
                <a:lnTo>
                  <a:pt x="51197" y="180994"/>
                </a:lnTo>
                <a:cubicBezTo>
                  <a:pt x="32150" y="178211"/>
                  <a:pt x="14534" y="168641"/>
                  <a:pt x="0" y="154108"/>
                </a:cubicBezTo>
                <a:cubicBezTo>
                  <a:pt x="-42555" y="111552"/>
                  <a:pt x="-42555" y="42556"/>
                  <a:pt x="0" y="0"/>
                </a:cubicBezTo>
                <a:cubicBezTo>
                  <a:pt x="42556" y="-42556"/>
                  <a:pt x="111553" y="-42556"/>
                  <a:pt x="154109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2700"/>
          </a:p>
        </p:txBody>
      </p:sp>
    </p:spTree>
    <p:extLst>
      <p:ext uri="{BB962C8B-B14F-4D97-AF65-F5344CB8AC3E}">
        <p14:creationId xmlns:p14="http://schemas.microsoft.com/office/powerpoint/2010/main" val="379480489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A3499E92-50A7-4680-90CB-41532F4FC718}"/>
              </a:ext>
            </a:extLst>
          </p:cNvPr>
          <p:cNvSpPr/>
          <p:nvPr/>
        </p:nvSpPr>
        <p:spPr>
          <a:xfrm>
            <a:off x="6106651" y="293611"/>
            <a:ext cx="5636534" cy="6270778"/>
          </a:xfrm>
          <a:prstGeom prst="roundRect">
            <a:avLst>
              <a:gd name="adj" fmla="val 1286"/>
            </a:avLst>
          </a:prstGeom>
          <a:solidFill>
            <a:schemeClr val="accent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93B75C5-9BDB-4B5F-AB3F-CB12A702F1F8}"/>
              </a:ext>
            </a:extLst>
          </p:cNvPr>
          <p:cNvSpPr txBox="1"/>
          <p:nvPr/>
        </p:nvSpPr>
        <p:spPr>
          <a:xfrm>
            <a:off x="7081344" y="2364515"/>
            <a:ext cx="46618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solidFill>
                  <a:schemeClr val="bg1"/>
                </a:solidFill>
                <a:cs typeface="Arial" pitchFamily="34" charset="0"/>
              </a:rPr>
              <a:t>General steps taken, planning and milestones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7DA86C59-34F4-4919-9F69-A6D243DD90AF}"/>
              </a:ext>
            </a:extLst>
          </p:cNvPr>
          <p:cNvGrpSpPr/>
          <p:nvPr/>
        </p:nvGrpSpPr>
        <p:grpSpPr>
          <a:xfrm>
            <a:off x="6305942" y="1681595"/>
            <a:ext cx="5419664" cy="777510"/>
            <a:chOff x="6102442" y="1483456"/>
            <a:chExt cx="5419664" cy="777510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8591A18A-7559-4485-BC2C-6ACBBA9F87DF}"/>
                </a:ext>
              </a:extLst>
            </p:cNvPr>
            <p:cNvSpPr txBox="1"/>
            <p:nvPr/>
          </p:nvSpPr>
          <p:spPr>
            <a:xfrm>
              <a:off x="6860266" y="1678152"/>
              <a:ext cx="4661840" cy="5078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r>
                <a:rPr lang="en-US" altLang="ko-KR" sz="2700" b="1" dirty="0">
                  <a:solidFill>
                    <a:schemeClr val="bg1"/>
                  </a:solidFill>
                  <a:cs typeface="Arial" pitchFamily="34" charset="0"/>
                </a:rPr>
                <a:t>Methodology</a:t>
              </a:r>
              <a:endParaRPr lang="ko-KR" altLang="en-US" sz="27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95E3BD7D-EEC6-41FC-867D-95F2B71346B3}"/>
                </a:ext>
              </a:extLst>
            </p:cNvPr>
            <p:cNvSpPr txBox="1"/>
            <p:nvPr/>
          </p:nvSpPr>
          <p:spPr>
            <a:xfrm>
              <a:off x="6102442" y="1483456"/>
              <a:ext cx="981106" cy="777510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algn="ctr"/>
              <a:r>
                <a:rPr lang="en-US" altLang="ko-KR" sz="4400" b="1" dirty="0">
                  <a:solidFill>
                    <a:schemeClr val="bg1"/>
                  </a:solidFill>
                  <a:cs typeface="Arial" pitchFamily="34" charset="0"/>
                </a:rPr>
                <a:t>05</a:t>
              </a:r>
              <a:endParaRPr lang="ko-KR" altLang="en-US" sz="4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7" name="TextBox 6">
            <a:extLst>
              <a:ext uri="{FF2B5EF4-FFF2-40B4-BE49-F238E27FC236}">
                <a16:creationId xmlns:a16="http://schemas.microsoft.com/office/drawing/2014/main" id="{38A41E9E-1812-4ACE-A417-73C9AF47F355}"/>
              </a:ext>
            </a:extLst>
          </p:cNvPr>
          <p:cNvSpPr txBox="1"/>
          <p:nvPr/>
        </p:nvSpPr>
        <p:spPr>
          <a:xfrm>
            <a:off x="7081344" y="3503507"/>
            <a:ext cx="46618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solidFill>
                  <a:schemeClr val="bg1"/>
                </a:solidFill>
                <a:cs typeface="Arial" pitchFamily="34" charset="0"/>
              </a:rPr>
              <a:t>The work that has been done partially or in progress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51E7642E-CD93-4445-B49C-21F1CF8B80D1}"/>
              </a:ext>
            </a:extLst>
          </p:cNvPr>
          <p:cNvGrpSpPr/>
          <p:nvPr/>
        </p:nvGrpSpPr>
        <p:grpSpPr>
          <a:xfrm>
            <a:off x="6305942" y="2820587"/>
            <a:ext cx="5419664" cy="777510"/>
            <a:chOff x="6102442" y="1483456"/>
            <a:chExt cx="5419664" cy="777510"/>
          </a:xfrm>
        </p:grpSpPr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EC79CA3D-1245-4812-BE2C-A17717D31459}"/>
                </a:ext>
              </a:extLst>
            </p:cNvPr>
            <p:cNvSpPr txBox="1"/>
            <p:nvPr/>
          </p:nvSpPr>
          <p:spPr>
            <a:xfrm>
              <a:off x="6860266" y="1678152"/>
              <a:ext cx="4661840" cy="5078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r>
                <a:rPr lang="en-US" altLang="ko-KR" sz="2700" b="1" dirty="0">
                  <a:solidFill>
                    <a:schemeClr val="bg1"/>
                  </a:solidFill>
                  <a:cs typeface="Arial" pitchFamily="34" charset="0"/>
                </a:rPr>
                <a:t>Work in Progress</a:t>
              </a:r>
              <a:endParaRPr lang="ko-KR" altLang="en-US" sz="27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F627DDE9-FE7C-4B7E-A047-E092B6A88859}"/>
                </a:ext>
              </a:extLst>
            </p:cNvPr>
            <p:cNvSpPr txBox="1"/>
            <p:nvPr/>
          </p:nvSpPr>
          <p:spPr>
            <a:xfrm>
              <a:off x="6102442" y="1483456"/>
              <a:ext cx="981106" cy="777510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algn="ctr"/>
              <a:r>
                <a:rPr lang="en-US" altLang="ko-KR" sz="4400" b="1" dirty="0">
                  <a:solidFill>
                    <a:schemeClr val="bg1"/>
                  </a:solidFill>
                  <a:cs typeface="Arial" pitchFamily="34" charset="0"/>
                </a:rPr>
                <a:t>06</a:t>
              </a:r>
              <a:endParaRPr lang="ko-KR" altLang="en-US" sz="4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11" name="TextBox 10">
            <a:extLst>
              <a:ext uri="{FF2B5EF4-FFF2-40B4-BE49-F238E27FC236}">
                <a16:creationId xmlns:a16="http://schemas.microsoft.com/office/drawing/2014/main" id="{15E1B5E5-22C6-4CAE-BC59-0EB34CC7C043}"/>
              </a:ext>
            </a:extLst>
          </p:cNvPr>
          <p:cNvSpPr txBox="1"/>
          <p:nvPr/>
        </p:nvSpPr>
        <p:spPr>
          <a:xfrm>
            <a:off x="7081344" y="4642499"/>
            <a:ext cx="46618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solidFill>
                  <a:schemeClr val="bg1"/>
                </a:solidFill>
                <a:cs typeface="Arial" pitchFamily="34" charset="0"/>
              </a:rPr>
              <a:t>Next work to be done over the semesters until end of year 1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9D3E30DF-4F9D-4D5B-9110-CB46BA5063F2}"/>
              </a:ext>
            </a:extLst>
          </p:cNvPr>
          <p:cNvGrpSpPr/>
          <p:nvPr/>
        </p:nvGrpSpPr>
        <p:grpSpPr>
          <a:xfrm>
            <a:off x="6305942" y="3959579"/>
            <a:ext cx="5419664" cy="777510"/>
            <a:chOff x="6102442" y="1483456"/>
            <a:chExt cx="5419664" cy="777510"/>
          </a:xfrm>
        </p:grpSpPr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5A5757E4-1723-4073-9FC5-1D351F20A151}"/>
                </a:ext>
              </a:extLst>
            </p:cNvPr>
            <p:cNvSpPr txBox="1"/>
            <p:nvPr/>
          </p:nvSpPr>
          <p:spPr>
            <a:xfrm>
              <a:off x="6860266" y="1678152"/>
              <a:ext cx="4661840" cy="5078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r>
                <a:rPr lang="en-US" altLang="ko-KR" sz="2700" b="1" dirty="0">
                  <a:solidFill>
                    <a:schemeClr val="bg1"/>
                  </a:solidFill>
                  <a:cs typeface="Arial" pitchFamily="34" charset="0"/>
                </a:rPr>
                <a:t>Action Plans</a:t>
              </a:r>
              <a:endParaRPr lang="ko-KR" altLang="en-US" sz="27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D7B9AF74-CA02-49F9-88D7-98D77F70D10F}"/>
                </a:ext>
              </a:extLst>
            </p:cNvPr>
            <p:cNvSpPr txBox="1"/>
            <p:nvPr/>
          </p:nvSpPr>
          <p:spPr>
            <a:xfrm>
              <a:off x="6102442" y="1483456"/>
              <a:ext cx="981106" cy="777510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algn="ctr"/>
              <a:r>
                <a:rPr lang="en-US" altLang="ko-KR" sz="4400" b="1" dirty="0">
                  <a:solidFill>
                    <a:schemeClr val="bg1"/>
                  </a:solidFill>
                  <a:cs typeface="Arial" pitchFamily="34" charset="0"/>
                </a:rPr>
                <a:t>07</a:t>
              </a:r>
              <a:endParaRPr lang="ko-KR" altLang="en-US" sz="4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437A4661-D2A4-40E5-9248-83B3298A506A}"/>
              </a:ext>
            </a:extLst>
          </p:cNvPr>
          <p:cNvSpPr txBox="1"/>
          <p:nvPr/>
        </p:nvSpPr>
        <p:spPr>
          <a:xfrm>
            <a:off x="7081344" y="5781491"/>
            <a:ext cx="46618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solidFill>
                  <a:schemeClr val="bg1"/>
                </a:solidFill>
                <a:cs typeface="Arial" pitchFamily="34" charset="0"/>
              </a:rPr>
              <a:t>Success measure of the study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41FEFB00-F764-4A36-BDE0-EFBFFBAD9C92}"/>
              </a:ext>
            </a:extLst>
          </p:cNvPr>
          <p:cNvGrpSpPr/>
          <p:nvPr/>
        </p:nvGrpSpPr>
        <p:grpSpPr>
          <a:xfrm>
            <a:off x="6305942" y="5098571"/>
            <a:ext cx="5419664" cy="777510"/>
            <a:chOff x="6102442" y="1483456"/>
            <a:chExt cx="5419664" cy="777510"/>
          </a:xfrm>
        </p:grpSpPr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493DF382-44DD-45C3-9704-34E8893BC3AC}"/>
                </a:ext>
              </a:extLst>
            </p:cNvPr>
            <p:cNvSpPr txBox="1"/>
            <p:nvPr/>
          </p:nvSpPr>
          <p:spPr>
            <a:xfrm>
              <a:off x="6860266" y="1678152"/>
              <a:ext cx="4661840" cy="5078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r>
                <a:rPr lang="en-US" altLang="ko-KR" sz="2700" b="1" dirty="0">
                  <a:solidFill>
                    <a:schemeClr val="bg1"/>
                  </a:solidFill>
                  <a:cs typeface="Arial" pitchFamily="34" charset="0"/>
                </a:rPr>
                <a:t>Success Criteria</a:t>
              </a:r>
              <a:endParaRPr lang="ko-KR" altLang="en-US" sz="27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8611BD74-B8C0-4D62-99FC-2DBC909A434D}"/>
                </a:ext>
              </a:extLst>
            </p:cNvPr>
            <p:cNvSpPr txBox="1"/>
            <p:nvPr/>
          </p:nvSpPr>
          <p:spPr>
            <a:xfrm>
              <a:off x="6102442" y="1483456"/>
              <a:ext cx="981106" cy="777510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algn="ctr"/>
              <a:r>
                <a:rPr lang="en-US" altLang="ko-KR" sz="4400" b="1" dirty="0">
                  <a:solidFill>
                    <a:schemeClr val="bg1"/>
                  </a:solidFill>
                  <a:cs typeface="Arial" pitchFamily="34" charset="0"/>
                </a:rPr>
                <a:t>08</a:t>
              </a:r>
              <a:endParaRPr lang="ko-KR" altLang="en-US" sz="4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20" name="Rectangle: Rounded Corners 19">
            <a:extLst>
              <a:ext uri="{FF2B5EF4-FFF2-40B4-BE49-F238E27FC236}">
                <a16:creationId xmlns:a16="http://schemas.microsoft.com/office/drawing/2014/main" id="{7A95D97C-2404-42D6-956C-0AB808CF5E47}"/>
              </a:ext>
            </a:extLst>
          </p:cNvPr>
          <p:cNvSpPr/>
          <p:nvPr/>
        </p:nvSpPr>
        <p:spPr>
          <a:xfrm>
            <a:off x="404796" y="293611"/>
            <a:ext cx="5636534" cy="6270778"/>
          </a:xfrm>
          <a:prstGeom prst="roundRect">
            <a:avLst>
              <a:gd name="adj" fmla="val 1286"/>
            </a:avLst>
          </a:prstGeom>
          <a:solidFill>
            <a:schemeClr val="accent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DE3E8AFA-4F89-4E80-A3B9-634CCCD91EE1}"/>
              </a:ext>
            </a:extLst>
          </p:cNvPr>
          <p:cNvSpPr txBox="1"/>
          <p:nvPr/>
        </p:nvSpPr>
        <p:spPr>
          <a:xfrm>
            <a:off x="1379489" y="2364515"/>
            <a:ext cx="46618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solidFill>
                  <a:schemeClr val="bg1"/>
                </a:solidFill>
                <a:cs typeface="Arial" pitchFamily="34" charset="0"/>
              </a:rPr>
              <a:t>General overview of the project motivation</a:t>
            </a: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0E7216CF-9733-4CB2-9ABC-85141B3848AF}"/>
              </a:ext>
            </a:extLst>
          </p:cNvPr>
          <p:cNvGrpSpPr/>
          <p:nvPr/>
        </p:nvGrpSpPr>
        <p:grpSpPr>
          <a:xfrm>
            <a:off x="604087" y="1681595"/>
            <a:ext cx="5419664" cy="777510"/>
            <a:chOff x="6102442" y="1483456"/>
            <a:chExt cx="5419664" cy="777510"/>
          </a:xfrm>
        </p:grpSpPr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BE6B9C32-7E9B-4F31-AD9E-35D523E64D12}"/>
                </a:ext>
              </a:extLst>
            </p:cNvPr>
            <p:cNvSpPr txBox="1"/>
            <p:nvPr/>
          </p:nvSpPr>
          <p:spPr>
            <a:xfrm>
              <a:off x="6860266" y="1678152"/>
              <a:ext cx="4661840" cy="5078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r>
                <a:rPr lang="en-US" altLang="ko-KR" sz="2700" b="1" dirty="0">
                  <a:solidFill>
                    <a:schemeClr val="bg1"/>
                  </a:solidFill>
                  <a:cs typeface="Arial" pitchFamily="34" charset="0"/>
                </a:rPr>
                <a:t>Project Background</a:t>
              </a:r>
              <a:endParaRPr lang="ko-KR" altLang="en-US" sz="27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85BE1CD3-AD50-4B1A-B22D-68E7598AC8B0}"/>
                </a:ext>
              </a:extLst>
            </p:cNvPr>
            <p:cNvSpPr txBox="1"/>
            <p:nvPr/>
          </p:nvSpPr>
          <p:spPr>
            <a:xfrm>
              <a:off x="6102442" y="1483456"/>
              <a:ext cx="981106" cy="777510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algn="ctr"/>
              <a:r>
                <a:rPr lang="en-US" altLang="ko-KR" sz="4400" b="1" dirty="0">
                  <a:solidFill>
                    <a:schemeClr val="bg1"/>
                  </a:solidFill>
                  <a:cs typeface="Arial" pitchFamily="34" charset="0"/>
                </a:rPr>
                <a:t>01</a:t>
              </a:r>
              <a:endParaRPr lang="ko-KR" altLang="en-US" sz="4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25" name="TextBox 24">
            <a:extLst>
              <a:ext uri="{FF2B5EF4-FFF2-40B4-BE49-F238E27FC236}">
                <a16:creationId xmlns:a16="http://schemas.microsoft.com/office/drawing/2014/main" id="{9C43603A-55D9-413D-AECF-6CB700639D57}"/>
              </a:ext>
            </a:extLst>
          </p:cNvPr>
          <p:cNvSpPr txBox="1"/>
          <p:nvPr/>
        </p:nvSpPr>
        <p:spPr>
          <a:xfrm>
            <a:off x="1379489" y="3503507"/>
            <a:ext cx="46618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solidFill>
                  <a:schemeClr val="bg1"/>
                </a:solidFill>
                <a:cs typeface="Arial" pitchFamily="34" charset="0"/>
              </a:rPr>
              <a:t>The problem we are trying to solve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1342472E-503F-40CD-97F3-A65D07DC327A}"/>
              </a:ext>
            </a:extLst>
          </p:cNvPr>
          <p:cNvGrpSpPr/>
          <p:nvPr/>
        </p:nvGrpSpPr>
        <p:grpSpPr>
          <a:xfrm>
            <a:off x="604087" y="2820587"/>
            <a:ext cx="5419664" cy="777510"/>
            <a:chOff x="6102442" y="1483456"/>
            <a:chExt cx="5419664" cy="777510"/>
          </a:xfrm>
        </p:grpSpPr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7EB3C589-4DCF-4BE4-84D4-CC3D5CCF0963}"/>
                </a:ext>
              </a:extLst>
            </p:cNvPr>
            <p:cNvSpPr txBox="1"/>
            <p:nvPr/>
          </p:nvSpPr>
          <p:spPr>
            <a:xfrm>
              <a:off x="6860266" y="1678152"/>
              <a:ext cx="4661840" cy="5078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r>
                <a:rPr lang="en-US" altLang="ko-KR" sz="2700" b="1" dirty="0">
                  <a:solidFill>
                    <a:schemeClr val="bg1"/>
                  </a:solidFill>
                  <a:cs typeface="Arial" pitchFamily="34" charset="0"/>
                </a:rPr>
                <a:t>Problem Definition</a:t>
              </a:r>
              <a:endParaRPr lang="ko-KR" altLang="en-US" sz="27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3D0AD691-0E14-48A9-BBA8-B816D17A4245}"/>
                </a:ext>
              </a:extLst>
            </p:cNvPr>
            <p:cNvSpPr txBox="1"/>
            <p:nvPr/>
          </p:nvSpPr>
          <p:spPr>
            <a:xfrm>
              <a:off x="6102442" y="1483456"/>
              <a:ext cx="981106" cy="777510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algn="ctr"/>
              <a:r>
                <a:rPr lang="en-US" altLang="ko-KR" sz="4400" b="1" dirty="0">
                  <a:solidFill>
                    <a:schemeClr val="bg1"/>
                  </a:solidFill>
                  <a:cs typeface="Arial" pitchFamily="34" charset="0"/>
                </a:rPr>
                <a:t>02</a:t>
              </a:r>
              <a:endParaRPr lang="ko-KR" altLang="en-US" sz="4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29" name="TextBox 28">
            <a:extLst>
              <a:ext uri="{FF2B5EF4-FFF2-40B4-BE49-F238E27FC236}">
                <a16:creationId xmlns:a16="http://schemas.microsoft.com/office/drawing/2014/main" id="{F6770BAD-DC38-4E7F-9369-F399557F868C}"/>
              </a:ext>
            </a:extLst>
          </p:cNvPr>
          <p:cNvSpPr txBox="1"/>
          <p:nvPr/>
        </p:nvSpPr>
        <p:spPr>
          <a:xfrm>
            <a:off x="1379489" y="4642499"/>
            <a:ext cx="46618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solidFill>
                  <a:schemeClr val="bg1"/>
                </a:solidFill>
                <a:cs typeface="Arial" pitchFamily="34" charset="0"/>
              </a:rPr>
              <a:t>Existing studies based on related research papers</a:t>
            </a: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1EEBB3D1-D096-4B1C-9E21-C3023DC443C0}"/>
              </a:ext>
            </a:extLst>
          </p:cNvPr>
          <p:cNvGrpSpPr/>
          <p:nvPr/>
        </p:nvGrpSpPr>
        <p:grpSpPr>
          <a:xfrm>
            <a:off x="604087" y="3959579"/>
            <a:ext cx="5419664" cy="777510"/>
            <a:chOff x="6102442" y="1483456"/>
            <a:chExt cx="5419664" cy="777510"/>
          </a:xfrm>
        </p:grpSpPr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C987E39A-FD22-457A-BD46-C5CEFF3E3DDE}"/>
                </a:ext>
              </a:extLst>
            </p:cNvPr>
            <p:cNvSpPr txBox="1"/>
            <p:nvPr/>
          </p:nvSpPr>
          <p:spPr>
            <a:xfrm>
              <a:off x="6860266" y="1678152"/>
              <a:ext cx="4661840" cy="5078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r>
                <a:rPr lang="en-US" altLang="ko-KR" sz="2700" b="1" dirty="0">
                  <a:solidFill>
                    <a:schemeClr val="bg1"/>
                  </a:solidFill>
                  <a:cs typeface="Arial" pitchFamily="34" charset="0"/>
                </a:rPr>
                <a:t>Literature Review</a:t>
              </a:r>
              <a:endParaRPr lang="ko-KR" altLang="en-US" sz="27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32" name="TextBox 31">
              <a:extLst>
                <a:ext uri="{FF2B5EF4-FFF2-40B4-BE49-F238E27FC236}">
                  <a16:creationId xmlns:a16="http://schemas.microsoft.com/office/drawing/2014/main" id="{B76D8E15-A3BD-4CEC-9A9D-1A6D3B3C4141}"/>
                </a:ext>
              </a:extLst>
            </p:cNvPr>
            <p:cNvSpPr txBox="1"/>
            <p:nvPr/>
          </p:nvSpPr>
          <p:spPr>
            <a:xfrm>
              <a:off x="6102442" y="1483456"/>
              <a:ext cx="981106" cy="777510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algn="ctr"/>
              <a:r>
                <a:rPr lang="en-US" altLang="ko-KR" sz="4400" b="1" dirty="0">
                  <a:solidFill>
                    <a:schemeClr val="bg1"/>
                  </a:solidFill>
                  <a:cs typeface="Arial" pitchFamily="34" charset="0"/>
                </a:rPr>
                <a:t>03</a:t>
              </a:r>
              <a:endParaRPr lang="ko-KR" altLang="en-US" sz="4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33" name="TextBox 32">
            <a:extLst>
              <a:ext uri="{FF2B5EF4-FFF2-40B4-BE49-F238E27FC236}">
                <a16:creationId xmlns:a16="http://schemas.microsoft.com/office/drawing/2014/main" id="{FFE2DE38-A807-4128-B165-B43576AF7E33}"/>
              </a:ext>
            </a:extLst>
          </p:cNvPr>
          <p:cNvSpPr txBox="1"/>
          <p:nvPr/>
        </p:nvSpPr>
        <p:spPr>
          <a:xfrm>
            <a:off x="1379489" y="5781491"/>
            <a:ext cx="466184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200" dirty="0">
                <a:solidFill>
                  <a:schemeClr val="bg1"/>
                </a:solidFill>
                <a:cs typeface="Arial" pitchFamily="34" charset="0"/>
              </a:rPr>
              <a:t>Scope focus of novelty we are trying to bring.</a:t>
            </a:r>
          </a:p>
        </p:txBody>
      </p:sp>
      <p:grpSp>
        <p:nvGrpSpPr>
          <p:cNvPr id="34" name="Group 33">
            <a:extLst>
              <a:ext uri="{FF2B5EF4-FFF2-40B4-BE49-F238E27FC236}">
                <a16:creationId xmlns:a16="http://schemas.microsoft.com/office/drawing/2014/main" id="{4A57BEBF-68B0-44A5-A88A-AC3AC3B533EF}"/>
              </a:ext>
            </a:extLst>
          </p:cNvPr>
          <p:cNvGrpSpPr/>
          <p:nvPr/>
        </p:nvGrpSpPr>
        <p:grpSpPr>
          <a:xfrm>
            <a:off x="604087" y="5098571"/>
            <a:ext cx="5419664" cy="777510"/>
            <a:chOff x="6102442" y="1483456"/>
            <a:chExt cx="5419664" cy="777510"/>
          </a:xfrm>
        </p:grpSpPr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37C7743D-5515-475B-BFCA-138390631AF1}"/>
                </a:ext>
              </a:extLst>
            </p:cNvPr>
            <p:cNvSpPr txBox="1"/>
            <p:nvPr/>
          </p:nvSpPr>
          <p:spPr>
            <a:xfrm>
              <a:off x="6860266" y="1678152"/>
              <a:ext cx="4661840" cy="507831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r>
                <a:rPr lang="en-US" altLang="ko-KR" sz="2700" b="1" dirty="0">
                  <a:solidFill>
                    <a:schemeClr val="bg1"/>
                  </a:solidFill>
                  <a:cs typeface="Arial" pitchFamily="34" charset="0"/>
                </a:rPr>
                <a:t>Scope &amp; Objective</a:t>
              </a:r>
              <a:endParaRPr lang="ko-KR" altLang="en-US" sz="27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076A9BC4-1A85-4678-B2D2-9E21EAF1BE36}"/>
                </a:ext>
              </a:extLst>
            </p:cNvPr>
            <p:cNvSpPr txBox="1"/>
            <p:nvPr/>
          </p:nvSpPr>
          <p:spPr>
            <a:xfrm>
              <a:off x="6102442" y="1483456"/>
              <a:ext cx="981106" cy="777510"/>
            </a:xfrm>
            <a:prstGeom prst="rect">
              <a:avLst/>
            </a:prstGeom>
            <a:noFill/>
          </p:spPr>
          <p:txBody>
            <a:bodyPr wrap="square" lIns="108000" rIns="108000" rtlCol="0">
              <a:spAutoFit/>
            </a:bodyPr>
            <a:lstStyle/>
            <a:p>
              <a:pPr algn="ctr"/>
              <a:r>
                <a:rPr lang="en-US" altLang="ko-KR" sz="4400" b="1" dirty="0">
                  <a:solidFill>
                    <a:schemeClr val="bg1"/>
                  </a:solidFill>
                  <a:cs typeface="Arial" pitchFamily="34" charset="0"/>
                </a:rPr>
                <a:t>04</a:t>
              </a:r>
              <a:endParaRPr lang="ko-KR" altLang="en-US" sz="44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37" name="TextBox 36">
            <a:extLst>
              <a:ext uri="{FF2B5EF4-FFF2-40B4-BE49-F238E27FC236}">
                <a16:creationId xmlns:a16="http://schemas.microsoft.com/office/drawing/2014/main" id="{604D7F03-F7A4-43A6-B511-1A7ACF43FA2C}"/>
              </a:ext>
            </a:extLst>
          </p:cNvPr>
          <p:cNvSpPr txBox="1"/>
          <p:nvPr/>
        </p:nvSpPr>
        <p:spPr>
          <a:xfrm>
            <a:off x="718387" y="391190"/>
            <a:ext cx="4989896" cy="92333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altLang="ko-KR" sz="5400" dirty="0">
                <a:solidFill>
                  <a:schemeClr val="bg1"/>
                </a:solidFill>
                <a:latin typeface="+mj-lt"/>
                <a:cs typeface="Arial" pitchFamily="34" charset="0"/>
              </a:rPr>
              <a:t>Contents</a:t>
            </a:r>
            <a:endParaRPr lang="ko-KR" altLang="en-US" sz="5400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6376669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22EACE2C-F0BB-4B26-BDA0-E1B66FC049A7}"/>
              </a:ext>
            </a:extLst>
          </p:cNvPr>
          <p:cNvSpPr txBox="1"/>
          <p:nvPr/>
        </p:nvSpPr>
        <p:spPr>
          <a:xfrm>
            <a:off x="6848475" y="3037886"/>
            <a:ext cx="5221991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altLang="ko-KR" sz="3600" b="1" dirty="0">
                <a:solidFill>
                  <a:schemeClr val="bg1"/>
                </a:solidFill>
                <a:latin typeface="+mj-lt"/>
                <a:cs typeface="Arial" pitchFamily="34" charset="0"/>
              </a:rPr>
              <a:t>07 Action Plan</a:t>
            </a:r>
            <a:endParaRPr lang="ko-KR" altLang="en-US" sz="3600" b="1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7915140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8" name="Group 27">
            <a:extLst>
              <a:ext uri="{FF2B5EF4-FFF2-40B4-BE49-F238E27FC236}">
                <a16:creationId xmlns:a16="http://schemas.microsoft.com/office/drawing/2014/main" id="{5885998A-6041-49BE-90FA-586136FDB22E}"/>
              </a:ext>
            </a:extLst>
          </p:cNvPr>
          <p:cNvGrpSpPr/>
          <p:nvPr/>
        </p:nvGrpSpPr>
        <p:grpSpPr>
          <a:xfrm>
            <a:off x="6421075" y="2450892"/>
            <a:ext cx="5316416" cy="1736505"/>
            <a:chOff x="3581399" y="426402"/>
            <a:chExt cx="5316416" cy="1736505"/>
          </a:xfrm>
        </p:grpSpPr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69F86E72-D65A-4618-931B-E420DE1A40F4}"/>
                </a:ext>
              </a:extLst>
            </p:cNvPr>
            <p:cNvGrpSpPr/>
            <p:nvPr/>
          </p:nvGrpSpPr>
          <p:grpSpPr>
            <a:xfrm>
              <a:off x="6383214" y="426402"/>
              <a:ext cx="2514601" cy="1736505"/>
              <a:chOff x="6031523" y="778095"/>
              <a:chExt cx="2514601" cy="1736505"/>
            </a:xfrm>
          </p:grpSpPr>
          <p:sp>
            <p:nvSpPr>
              <p:cNvPr id="3" name="Rectangle 2">
                <a:extLst>
                  <a:ext uri="{FF2B5EF4-FFF2-40B4-BE49-F238E27FC236}">
                    <a16:creationId xmlns:a16="http://schemas.microsoft.com/office/drawing/2014/main" id="{063C60C7-31E3-451F-BBAC-B4FFEC011450}"/>
                  </a:ext>
                </a:extLst>
              </p:cNvPr>
              <p:cNvSpPr/>
              <p:nvPr/>
            </p:nvSpPr>
            <p:spPr>
              <a:xfrm>
                <a:off x="6383216" y="931985"/>
                <a:ext cx="2162908" cy="1582615"/>
              </a:xfrm>
              <a:prstGeom prst="rect">
                <a:avLst/>
              </a:prstGeom>
              <a:solidFill>
                <a:schemeClr val="accent1">
                  <a:alpha val="7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" name="Rectangle: Rounded Corners 3">
                <a:extLst>
                  <a:ext uri="{FF2B5EF4-FFF2-40B4-BE49-F238E27FC236}">
                    <a16:creationId xmlns:a16="http://schemas.microsoft.com/office/drawing/2014/main" id="{C7689921-2E17-4F00-BCB9-4EDB826B4B20}"/>
                  </a:ext>
                </a:extLst>
              </p:cNvPr>
              <p:cNvSpPr/>
              <p:nvPr/>
            </p:nvSpPr>
            <p:spPr>
              <a:xfrm>
                <a:off x="6031523" y="778095"/>
                <a:ext cx="1582615" cy="391282"/>
              </a:xfrm>
              <a:prstGeom prst="roundRect">
                <a:avLst>
                  <a:gd name="adj" fmla="val 16667"/>
                </a:avLst>
              </a:prstGeom>
              <a:solidFill>
                <a:schemeClr val="accent1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5" name="TextBox 4">
                <a:extLst>
                  <a:ext uri="{FF2B5EF4-FFF2-40B4-BE49-F238E27FC236}">
                    <a16:creationId xmlns:a16="http://schemas.microsoft.com/office/drawing/2014/main" id="{C6529840-06F4-4205-9C67-82E92D557453}"/>
                  </a:ext>
                </a:extLst>
              </p:cNvPr>
              <p:cNvSpPr txBox="1"/>
              <p:nvPr/>
            </p:nvSpPr>
            <p:spPr>
              <a:xfrm>
                <a:off x="6090375" y="819848"/>
                <a:ext cx="1464910" cy="3385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altLang="ko-KR" sz="1600" b="1" dirty="0">
                    <a:solidFill>
                      <a:schemeClr val="bg1"/>
                    </a:solidFill>
                    <a:cs typeface="Arial" pitchFamily="34" charset="0"/>
                  </a:rPr>
                  <a:t>Test Model</a:t>
                </a:r>
                <a:endParaRPr lang="ko-KR" altLang="en-US" sz="1600" b="1" dirty="0">
                  <a:solidFill>
                    <a:schemeClr val="bg1"/>
                  </a:solidFill>
                  <a:cs typeface="Arial" pitchFamily="34" charset="0"/>
                </a:endParaRPr>
              </a:p>
            </p:txBody>
          </p:sp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5F7B91C6-F41D-4522-99E7-68D24954BA22}"/>
                  </a:ext>
                </a:extLst>
              </p:cNvPr>
              <p:cNvSpPr txBox="1"/>
              <p:nvPr/>
            </p:nvSpPr>
            <p:spPr>
              <a:xfrm>
                <a:off x="6525936" y="1219970"/>
                <a:ext cx="1877468" cy="107721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altLang="ko-KR" sz="1600" dirty="0">
                    <a:solidFill>
                      <a:schemeClr val="bg1"/>
                    </a:solidFill>
                    <a:latin typeface="Arial" pitchFamily="34" charset="0"/>
                    <a:cs typeface="Arial" pitchFamily="34" charset="0"/>
                  </a:rPr>
                  <a:t>Test model with test dataset, and measure the accuracy</a:t>
                </a:r>
              </a:p>
            </p:txBody>
          </p:sp>
        </p:grp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1084E826-761C-4980-9B99-1CF80CB73AD0}"/>
                </a:ext>
              </a:extLst>
            </p:cNvPr>
            <p:cNvGrpSpPr/>
            <p:nvPr/>
          </p:nvGrpSpPr>
          <p:grpSpPr>
            <a:xfrm>
              <a:off x="3581399" y="426402"/>
              <a:ext cx="2514601" cy="1736505"/>
              <a:chOff x="6031523" y="778095"/>
              <a:chExt cx="2514601" cy="1736505"/>
            </a:xfrm>
          </p:grpSpPr>
          <p:sp>
            <p:nvSpPr>
              <p:cNvPr id="9" name="Rectangle 8">
                <a:extLst>
                  <a:ext uri="{FF2B5EF4-FFF2-40B4-BE49-F238E27FC236}">
                    <a16:creationId xmlns:a16="http://schemas.microsoft.com/office/drawing/2014/main" id="{A5B29D82-6A98-463D-A002-35875D32DB85}"/>
                  </a:ext>
                </a:extLst>
              </p:cNvPr>
              <p:cNvSpPr/>
              <p:nvPr/>
            </p:nvSpPr>
            <p:spPr>
              <a:xfrm>
                <a:off x="6383216" y="931985"/>
                <a:ext cx="2162908" cy="1582615"/>
              </a:xfrm>
              <a:prstGeom prst="rect">
                <a:avLst/>
              </a:prstGeom>
              <a:solidFill>
                <a:schemeClr val="accent2">
                  <a:alpha val="7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0" name="Rectangle: Rounded Corners 9">
                <a:extLst>
                  <a:ext uri="{FF2B5EF4-FFF2-40B4-BE49-F238E27FC236}">
                    <a16:creationId xmlns:a16="http://schemas.microsoft.com/office/drawing/2014/main" id="{3D05618F-4A57-444D-B8D3-B562EB3A9094}"/>
                  </a:ext>
                </a:extLst>
              </p:cNvPr>
              <p:cNvSpPr/>
              <p:nvPr/>
            </p:nvSpPr>
            <p:spPr>
              <a:xfrm>
                <a:off x="6031523" y="778095"/>
                <a:ext cx="1582615" cy="391282"/>
              </a:xfrm>
              <a:prstGeom prst="roundRect">
                <a:avLst>
                  <a:gd name="adj" fmla="val 16667"/>
                </a:avLst>
              </a:prstGeom>
              <a:solidFill>
                <a:schemeClr val="accent2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16B999AF-AD38-492F-ADD7-B8ACCC68292B}"/>
                  </a:ext>
                </a:extLst>
              </p:cNvPr>
              <p:cNvSpPr txBox="1"/>
              <p:nvPr/>
            </p:nvSpPr>
            <p:spPr>
              <a:xfrm>
                <a:off x="6090375" y="819848"/>
                <a:ext cx="1464910" cy="3385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altLang="ko-KR" sz="1600" b="1" dirty="0">
                    <a:solidFill>
                      <a:schemeClr val="bg1"/>
                    </a:solidFill>
                    <a:cs typeface="Arial" pitchFamily="34" charset="0"/>
                  </a:rPr>
                  <a:t>Modelling</a:t>
                </a:r>
                <a:endParaRPr lang="ko-KR" altLang="en-US" sz="1600" b="1" dirty="0">
                  <a:solidFill>
                    <a:schemeClr val="bg1"/>
                  </a:solidFill>
                  <a:cs typeface="Arial" pitchFamily="34" charset="0"/>
                </a:endParaRPr>
              </a:p>
            </p:txBody>
          </p:sp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46FE65E0-C83B-49FE-A097-74C60F79CC69}"/>
                  </a:ext>
                </a:extLst>
              </p:cNvPr>
              <p:cNvSpPr txBox="1"/>
              <p:nvPr/>
            </p:nvSpPr>
            <p:spPr>
              <a:xfrm>
                <a:off x="6525936" y="1219970"/>
                <a:ext cx="1877468" cy="107721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altLang="ko-KR" sz="1600" dirty="0">
                    <a:solidFill>
                      <a:schemeClr val="bg1"/>
                    </a:solidFill>
                    <a:latin typeface="Arial" pitchFamily="34" charset="0"/>
                    <a:cs typeface="Arial" pitchFamily="34" charset="0"/>
                  </a:rPr>
                  <a:t>Development of model for hierarchy identification</a:t>
                </a:r>
              </a:p>
            </p:txBody>
          </p:sp>
        </p:grpSp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A352E615-AF19-4E1B-B7D5-05E689EC3B54}"/>
              </a:ext>
            </a:extLst>
          </p:cNvPr>
          <p:cNvGrpSpPr/>
          <p:nvPr/>
        </p:nvGrpSpPr>
        <p:grpSpPr>
          <a:xfrm>
            <a:off x="4114560" y="391306"/>
            <a:ext cx="5316416" cy="1736505"/>
            <a:chOff x="6383214" y="2450892"/>
            <a:chExt cx="5316416" cy="1736505"/>
          </a:xfrm>
        </p:grpSpPr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F9A5B5C5-70DB-40D6-8159-0733660FD818}"/>
                </a:ext>
              </a:extLst>
            </p:cNvPr>
            <p:cNvGrpSpPr/>
            <p:nvPr/>
          </p:nvGrpSpPr>
          <p:grpSpPr>
            <a:xfrm>
              <a:off x="9185029" y="2450892"/>
              <a:ext cx="2514601" cy="1736505"/>
              <a:chOff x="6031523" y="778095"/>
              <a:chExt cx="2514601" cy="1736505"/>
            </a:xfrm>
          </p:grpSpPr>
          <p:sp>
            <p:nvSpPr>
              <p:cNvPr id="14" name="Rectangle 13">
                <a:extLst>
                  <a:ext uri="{FF2B5EF4-FFF2-40B4-BE49-F238E27FC236}">
                    <a16:creationId xmlns:a16="http://schemas.microsoft.com/office/drawing/2014/main" id="{8C04C95E-CE4D-4872-AD43-842FE593C991}"/>
                  </a:ext>
                </a:extLst>
              </p:cNvPr>
              <p:cNvSpPr/>
              <p:nvPr/>
            </p:nvSpPr>
            <p:spPr>
              <a:xfrm>
                <a:off x="6383216" y="931985"/>
                <a:ext cx="2162908" cy="1582615"/>
              </a:xfrm>
              <a:prstGeom prst="rect">
                <a:avLst/>
              </a:prstGeom>
              <a:solidFill>
                <a:schemeClr val="accent3">
                  <a:alpha val="7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5" name="Rectangle: Rounded Corners 14">
                <a:extLst>
                  <a:ext uri="{FF2B5EF4-FFF2-40B4-BE49-F238E27FC236}">
                    <a16:creationId xmlns:a16="http://schemas.microsoft.com/office/drawing/2014/main" id="{1E925DAC-9DC7-4015-85D7-8EA0F3FD4AC5}"/>
                  </a:ext>
                </a:extLst>
              </p:cNvPr>
              <p:cNvSpPr/>
              <p:nvPr/>
            </p:nvSpPr>
            <p:spPr>
              <a:xfrm>
                <a:off x="6031523" y="778095"/>
                <a:ext cx="1582615" cy="391282"/>
              </a:xfrm>
              <a:prstGeom prst="roundRect">
                <a:avLst>
                  <a:gd name="adj" fmla="val 16667"/>
                </a:avLst>
              </a:prstGeom>
              <a:solidFill>
                <a:schemeClr val="accent3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0217EC30-FAF4-4BEF-8D30-052BAAE76070}"/>
                  </a:ext>
                </a:extLst>
              </p:cNvPr>
              <p:cNvSpPr txBox="1"/>
              <p:nvPr/>
            </p:nvSpPr>
            <p:spPr>
              <a:xfrm>
                <a:off x="6090375" y="819848"/>
                <a:ext cx="1464910" cy="3385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altLang="ko-KR" sz="1600" b="1" dirty="0">
                    <a:solidFill>
                      <a:schemeClr val="bg1"/>
                    </a:solidFill>
                    <a:cs typeface="Arial" pitchFamily="34" charset="0"/>
                  </a:rPr>
                  <a:t>Train Model</a:t>
                </a:r>
                <a:endParaRPr lang="ko-KR" altLang="en-US" sz="1600" b="1" dirty="0">
                  <a:solidFill>
                    <a:schemeClr val="bg1"/>
                  </a:solidFill>
                  <a:cs typeface="Arial" pitchFamily="34" charset="0"/>
                </a:endParaRPr>
              </a:p>
            </p:txBody>
          </p:sp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F1424E76-DB0B-44E0-951A-219996937979}"/>
                  </a:ext>
                </a:extLst>
              </p:cNvPr>
              <p:cNvSpPr txBox="1"/>
              <p:nvPr/>
            </p:nvSpPr>
            <p:spPr>
              <a:xfrm>
                <a:off x="6525936" y="1219970"/>
                <a:ext cx="1877468" cy="58477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altLang="ko-KR" sz="1600" dirty="0">
                    <a:solidFill>
                      <a:schemeClr val="bg1"/>
                    </a:solidFill>
                    <a:latin typeface="Arial" pitchFamily="34" charset="0"/>
                    <a:cs typeface="Arial" pitchFamily="34" charset="0"/>
                  </a:rPr>
                  <a:t>Train model with train dataset</a:t>
                </a:r>
              </a:p>
            </p:txBody>
          </p:sp>
        </p:grpSp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E6AAE7A2-6345-41B3-81CB-7B027A0DD739}"/>
                </a:ext>
              </a:extLst>
            </p:cNvPr>
            <p:cNvGrpSpPr/>
            <p:nvPr/>
          </p:nvGrpSpPr>
          <p:grpSpPr>
            <a:xfrm>
              <a:off x="6383214" y="2450892"/>
              <a:ext cx="2514601" cy="1736505"/>
              <a:chOff x="6031523" y="778095"/>
              <a:chExt cx="2514601" cy="1736505"/>
            </a:xfrm>
          </p:grpSpPr>
          <p:sp>
            <p:nvSpPr>
              <p:cNvPr id="19" name="Rectangle 18">
                <a:extLst>
                  <a:ext uri="{FF2B5EF4-FFF2-40B4-BE49-F238E27FC236}">
                    <a16:creationId xmlns:a16="http://schemas.microsoft.com/office/drawing/2014/main" id="{B04823C5-AAD3-4FB3-A25D-C238181A022C}"/>
                  </a:ext>
                </a:extLst>
              </p:cNvPr>
              <p:cNvSpPr/>
              <p:nvPr/>
            </p:nvSpPr>
            <p:spPr>
              <a:xfrm>
                <a:off x="6383216" y="931985"/>
                <a:ext cx="2162908" cy="1582615"/>
              </a:xfrm>
              <a:prstGeom prst="rect">
                <a:avLst/>
              </a:prstGeom>
              <a:solidFill>
                <a:schemeClr val="accent5">
                  <a:alpha val="7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0" name="Rectangle: Rounded Corners 19">
                <a:extLst>
                  <a:ext uri="{FF2B5EF4-FFF2-40B4-BE49-F238E27FC236}">
                    <a16:creationId xmlns:a16="http://schemas.microsoft.com/office/drawing/2014/main" id="{79426DEA-E145-4CB5-A124-03449CFBB3D2}"/>
                  </a:ext>
                </a:extLst>
              </p:cNvPr>
              <p:cNvSpPr/>
              <p:nvPr/>
            </p:nvSpPr>
            <p:spPr>
              <a:xfrm>
                <a:off x="6031523" y="778095"/>
                <a:ext cx="1582615" cy="391282"/>
              </a:xfrm>
              <a:prstGeom prst="roundRect">
                <a:avLst>
                  <a:gd name="adj" fmla="val 16667"/>
                </a:avLst>
              </a:prstGeom>
              <a:solidFill>
                <a:schemeClr val="accent4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D5DFB5B5-FA64-4BEE-B753-0656AB389907}"/>
                  </a:ext>
                </a:extLst>
              </p:cNvPr>
              <p:cNvSpPr txBox="1"/>
              <p:nvPr/>
            </p:nvSpPr>
            <p:spPr>
              <a:xfrm>
                <a:off x="6090375" y="819848"/>
                <a:ext cx="1464910" cy="3385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altLang="ko-KR" sz="1600" b="1" dirty="0">
                    <a:solidFill>
                      <a:schemeClr val="bg1"/>
                    </a:solidFill>
                    <a:cs typeface="Arial" pitchFamily="34" charset="0"/>
                  </a:rPr>
                  <a:t>Formulation</a:t>
                </a:r>
                <a:endParaRPr lang="ko-KR" altLang="en-US" sz="1600" b="1" dirty="0">
                  <a:solidFill>
                    <a:schemeClr val="bg1"/>
                  </a:solidFill>
                  <a:cs typeface="Arial" pitchFamily="34" charset="0"/>
                </a:endParaRPr>
              </a:p>
            </p:txBody>
          </p:sp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D6C24BE7-F4B7-4B22-90D0-D58085FC6A1F}"/>
                  </a:ext>
                </a:extLst>
              </p:cNvPr>
              <p:cNvSpPr txBox="1"/>
              <p:nvPr/>
            </p:nvSpPr>
            <p:spPr>
              <a:xfrm>
                <a:off x="6525936" y="1219970"/>
                <a:ext cx="1877468" cy="1077218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altLang="ko-KR" sz="1600" dirty="0">
                    <a:solidFill>
                      <a:schemeClr val="bg1"/>
                    </a:solidFill>
                    <a:latin typeface="Arial" pitchFamily="34" charset="0"/>
                    <a:cs typeface="Arial" pitchFamily="34" charset="0"/>
                  </a:rPr>
                  <a:t>Formulating ways to identify hierarchy for each drawing type</a:t>
                </a:r>
              </a:p>
            </p:txBody>
          </p:sp>
        </p:grp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1AA3D444-F46D-4F17-BF36-04EA53966BBC}"/>
              </a:ext>
            </a:extLst>
          </p:cNvPr>
          <p:cNvGrpSpPr/>
          <p:nvPr/>
        </p:nvGrpSpPr>
        <p:grpSpPr>
          <a:xfrm>
            <a:off x="9243881" y="4475382"/>
            <a:ext cx="2514601" cy="1736505"/>
            <a:chOff x="6031523" y="778095"/>
            <a:chExt cx="2514601" cy="1736505"/>
          </a:xfrm>
        </p:grpSpPr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E39C1B5F-C69F-4D54-848C-986E7863A7C5}"/>
                </a:ext>
              </a:extLst>
            </p:cNvPr>
            <p:cNvSpPr/>
            <p:nvPr/>
          </p:nvSpPr>
          <p:spPr>
            <a:xfrm>
              <a:off x="6383216" y="931985"/>
              <a:ext cx="2162908" cy="1582615"/>
            </a:xfrm>
            <a:prstGeom prst="rect">
              <a:avLst/>
            </a:prstGeom>
            <a:solidFill>
              <a:schemeClr val="accent5">
                <a:alpha val="70000"/>
              </a:schemeClr>
            </a:solidFill>
            <a:ln>
              <a:noFill/>
            </a:ln>
            <a:effectLst>
              <a:outerShdw blurRad="63500" sx="102000" sy="102000" algn="ctr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" name="Rectangle: Rounded Corners 24">
              <a:extLst>
                <a:ext uri="{FF2B5EF4-FFF2-40B4-BE49-F238E27FC236}">
                  <a16:creationId xmlns:a16="http://schemas.microsoft.com/office/drawing/2014/main" id="{6238E599-161B-4F61-9D1D-C35A0B315FFE}"/>
                </a:ext>
              </a:extLst>
            </p:cNvPr>
            <p:cNvSpPr/>
            <p:nvPr/>
          </p:nvSpPr>
          <p:spPr>
            <a:xfrm>
              <a:off x="6031523" y="778095"/>
              <a:ext cx="1582615" cy="391282"/>
            </a:xfrm>
            <a:prstGeom prst="roundRect">
              <a:avLst>
                <a:gd name="adj" fmla="val 16667"/>
              </a:avLst>
            </a:prstGeom>
            <a:solidFill>
              <a:schemeClr val="accent5"/>
            </a:solidFill>
            <a:ln>
              <a:noFill/>
            </a:ln>
            <a:effectLst>
              <a:outerShdw blurRad="63500" sx="102000" sy="102000" algn="ctr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9A0429A5-1862-442C-8D18-0BA19DD329D4}"/>
                </a:ext>
              </a:extLst>
            </p:cNvPr>
            <p:cNvSpPr txBox="1"/>
            <p:nvPr/>
          </p:nvSpPr>
          <p:spPr>
            <a:xfrm>
              <a:off x="6090375" y="819848"/>
              <a:ext cx="1464910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sz="1600" b="1" dirty="0">
                  <a:solidFill>
                    <a:schemeClr val="bg1"/>
                  </a:solidFill>
                  <a:cs typeface="Arial" pitchFamily="34" charset="0"/>
                </a:rPr>
                <a:t>Results</a:t>
              </a:r>
              <a:endParaRPr lang="ko-KR" altLang="en-US" sz="16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1922E9A4-E343-4B40-B83F-48C3AC84D9C8}"/>
                </a:ext>
              </a:extLst>
            </p:cNvPr>
            <p:cNvSpPr txBox="1"/>
            <p:nvPr/>
          </p:nvSpPr>
          <p:spPr>
            <a:xfrm>
              <a:off x="6525936" y="1219970"/>
              <a:ext cx="1877468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600" dirty="0">
                  <a:solidFill>
                    <a:schemeClr val="bg1"/>
                  </a:solidFill>
                  <a:latin typeface="Arial" pitchFamily="34" charset="0"/>
                  <a:cs typeface="Arial" pitchFamily="34" charset="0"/>
                </a:rPr>
                <a:t>Obtain preliminary results</a:t>
              </a:r>
            </a:p>
          </p:txBody>
        </p:sp>
      </p:grpSp>
      <p:sp>
        <p:nvSpPr>
          <p:cNvPr id="30" name="TextBox 29">
            <a:extLst>
              <a:ext uri="{FF2B5EF4-FFF2-40B4-BE49-F238E27FC236}">
                <a16:creationId xmlns:a16="http://schemas.microsoft.com/office/drawing/2014/main" id="{CA153A9F-2C4A-45AC-A502-A09FD356C802}"/>
              </a:ext>
            </a:extLst>
          </p:cNvPr>
          <p:cNvSpPr txBox="1"/>
          <p:nvPr/>
        </p:nvSpPr>
        <p:spPr>
          <a:xfrm>
            <a:off x="576238" y="4958587"/>
            <a:ext cx="5334882" cy="677108"/>
          </a:xfrm>
          <a:prstGeom prst="rect">
            <a:avLst/>
          </a:prstGeom>
          <a:noFill/>
        </p:spPr>
        <p:txBody>
          <a:bodyPr wrap="square" lIns="36000" tIns="0" rIns="36000" bIns="0" rtlCol="0" anchor="ctr">
            <a:spAutoFit/>
          </a:bodyPr>
          <a:lstStyle/>
          <a:p>
            <a:r>
              <a:rPr lang="en-US" altLang="ko-KR" sz="4400" dirty="0">
                <a:solidFill>
                  <a:schemeClr val="bg1"/>
                </a:solidFill>
                <a:latin typeface="+mj-lt"/>
              </a:rPr>
              <a:t>Action Plans</a:t>
            </a:r>
            <a:endParaRPr lang="ko-KR" altLang="en-US" sz="4400" dirty="0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24135030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22EACE2C-F0BB-4B26-BDA0-E1B66FC049A7}"/>
              </a:ext>
            </a:extLst>
          </p:cNvPr>
          <p:cNvSpPr txBox="1"/>
          <p:nvPr/>
        </p:nvSpPr>
        <p:spPr>
          <a:xfrm>
            <a:off x="6848475" y="3037886"/>
            <a:ext cx="5221991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altLang="ko-KR" sz="3600" b="1" dirty="0">
                <a:solidFill>
                  <a:schemeClr val="bg1"/>
                </a:solidFill>
                <a:latin typeface="+mj-lt"/>
                <a:cs typeface="Arial" pitchFamily="34" charset="0"/>
              </a:rPr>
              <a:t>08 Success Criteria</a:t>
            </a:r>
            <a:endParaRPr lang="ko-KR" altLang="en-US" sz="3600" b="1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5723998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06381AD-4C2B-4745-99B1-0BBCE6131A7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prstGeom prst="rect">
            <a:avLst/>
          </a:prstGeom>
        </p:spPr>
        <p:txBody>
          <a:bodyPr/>
          <a:lstStyle/>
          <a:p>
            <a:r>
              <a:rPr lang="en-US" dirty="0"/>
              <a:t>Success Criteria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AEF33360-0433-4AF3-A64E-A88A5635CE2E}"/>
              </a:ext>
            </a:extLst>
          </p:cNvPr>
          <p:cNvSpPr/>
          <p:nvPr/>
        </p:nvSpPr>
        <p:spPr>
          <a:xfrm>
            <a:off x="5618753" y="1794327"/>
            <a:ext cx="972000" cy="972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6D781734-3D78-4BCA-9444-78DA5A28371E}"/>
              </a:ext>
            </a:extLst>
          </p:cNvPr>
          <p:cNvSpPr/>
          <p:nvPr/>
        </p:nvSpPr>
        <p:spPr>
          <a:xfrm>
            <a:off x="903622" y="5031013"/>
            <a:ext cx="972000" cy="972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EB15F007-3D0A-4148-8906-B28DFD68B8FC}"/>
              </a:ext>
            </a:extLst>
          </p:cNvPr>
          <p:cNvSpPr/>
          <p:nvPr/>
        </p:nvSpPr>
        <p:spPr>
          <a:xfrm>
            <a:off x="1965358" y="5031013"/>
            <a:ext cx="8268434" cy="972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FDB0DC9-5EAB-4BD4-9316-7A777A0DD76E}"/>
              </a:ext>
            </a:extLst>
          </p:cNvPr>
          <p:cNvSpPr/>
          <p:nvPr/>
        </p:nvSpPr>
        <p:spPr>
          <a:xfrm>
            <a:off x="10313338" y="5031013"/>
            <a:ext cx="972000" cy="972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323622F4-714F-481E-9006-2413544A99CF}"/>
              </a:ext>
            </a:extLst>
          </p:cNvPr>
          <p:cNvSpPr/>
          <p:nvPr/>
        </p:nvSpPr>
        <p:spPr>
          <a:xfrm>
            <a:off x="1065359" y="5255405"/>
            <a:ext cx="638175" cy="523220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bg1"/>
                </a:solidFill>
                <a:cs typeface="Arial" pitchFamily="34" charset="0"/>
              </a:rPr>
              <a:t>03</a:t>
            </a:r>
            <a:endParaRPr lang="ko-KR" altLang="en-US" sz="2800" dirty="0">
              <a:cs typeface="Arial" pitchFamily="34" charset="0"/>
            </a:endParaRPr>
          </a:p>
        </p:txBody>
      </p:sp>
      <p:grpSp>
        <p:nvGrpSpPr>
          <p:cNvPr id="8" name="그룹 10">
            <a:extLst>
              <a:ext uri="{FF2B5EF4-FFF2-40B4-BE49-F238E27FC236}">
                <a16:creationId xmlns:a16="http://schemas.microsoft.com/office/drawing/2014/main" id="{678067F8-F330-4D7F-AC3B-3D3FE008BC68}"/>
              </a:ext>
            </a:extLst>
          </p:cNvPr>
          <p:cNvGrpSpPr/>
          <p:nvPr/>
        </p:nvGrpSpPr>
        <p:grpSpPr>
          <a:xfrm>
            <a:off x="2547991" y="5161564"/>
            <a:ext cx="7103168" cy="710904"/>
            <a:chOff x="2547991" y="5161561"/>
            <a:chExt cx="7103168" cy="710904"/>
          </a:xfrm>
        </p:grpSpPr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945A7D5A-FA80-4CA3-9E74-B5C006267795}"/>
                </a:ext>
              </a:extLst>
            </p:cNvPr>
            <p:cNvSpPr txBox="1"/>
            <p:nvPr/>
          </p:nvSpPr>
          <p:spPr>
            <a:xfrm>
              <a:off x="2547991" y="5410800"/>
              <a:ext cx="7103168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200" dirty="0">
                  <a:solidFill>
                    <a:schemeClr val="bg1"/>
                  </a:solidFill>
                  <a:cs typeface="Arial" pitchFamily="34" charset="0"/>
                </a:rPr>
                <a:t>Objective achieved by successfully test the model – which to extract object from drawing and automatic identify hierarchy for them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7D07AD73-65AF-4F0A-88B9-951B923663DF}"/>
                </a:ext>
              </a:extLst>
            </p:cNvPr>
            <p:cNvSpPr txBox="1"/>
            <p:nvPr/>
          </p:nvSpPr>
          <p:spPr>
            <a:xfrm>
              <a:off x="2547991" y="5161561"/>
              <a:ext cx="7103168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200" b="1" dirty="0">
                  <a:solidFill>
                    <a:schemeClr val="bg1"/>
                  </a:solidFill>
                  <a:cs typeface="Arial" pitchFamily="34" charset="0"/>
                </a:rPr>
                <a:t>Objective</a:t>
              </a:r>
              <a:endParaRPr lang="ko-KR" altLang="en-US" sz="12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11" name="Rectangle 10">
            <a:extLst>
              <a:ext uri="{FF2B5EF4-FFF2-40B4-BE49-F238E27FC236}">
                <a16:creationId xmlns:a16="http://schemas.microsoft.com/office/drawing/2014/main" id="{57D22E29-20D8-4946-BD08-FC672D3E1266}"/>
              </a:ext>
            </a:extLst>
          </p:cNvPr>
          <p:cNvSpPr/>
          <p:nvPr/>
        </p:nvSpPr>
        <p:spPr>
          <a:xfrm>
            <a:off x="1875971" y="3952117"/>
            <a:ext cx="972000" cy="972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8D2DCC6D-DC86-46A2-8ED5-DCCE56C025A4}"/>
              </a:ext>
            </a:extLst>
          </p:cNvPr>
          <p:cNvSpPr/>
          <p:nvPr/>
        </p:nvSpPr>
        <p:spPr>
          <a:xfrm>
            <a:off x="2937707" y="3952117"/>
            <a:ext cx="6323736" cy="972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65CD4970-ADD3-40DC-BAEC-2F612DEC7435}"/>
              </a:ext>
            </a:extLst>
          </p:cNvPr>
          <p:cNvSpPr/>
          <p:nvPr/>
        </p:nvSpPr>
        <p:spPr>
          <a:xfrm>
            <a:off x="9340988" y="3952117"/>
            <a:ext cx="972000" cy="972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9C59B40F-49C4-43A1-B1C4-1AF3B2501193}"/>
              </a:ext>
            </a:extLst>
          </p:cNvPr>
          <p:cNvSpPr/>
          <p:nvPr/>
        </p:nvSpPr>
        <p:spPr>
          <a:xfrm>
            <a:off x="2037708" y="4176509"/>
            <a:ext cx="638175" cy="523220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bg1"/>
                </a:solidFill>
                <a:cs typeface="Arial" pitchFamily="34" charset="0"/>
              </a:rPr>
              <a:t>02</a:t>
            </a:r>
            <a:endParaRPr lang="ko-KR" altLang="en-US" sz="2800" dirty="0">
              <a:cs typeface="Arial" pitchFamily="34" charset="0"/>
            </a:endParaRPr>
          </a:p>
        </p:txBody>
      </p:sp>
      <p:grpSp>
        <p:nvGrpSpPr>
          <p:cNvPr id="15" name="그룹 6">
            <a:extLst>
              <a:ext uri="{FF2B5EF4-FFF2-40B4-BE49-F238E27FC236}">
                <a16:creationId xmlns:a16="http://schemas.microsoft.com/office/drawing/2014/main" id="{D7DEDD88-9FD4-4D67-8FE0-0F0F0C700EB9}"/>
              </a:ext>
            </a:extLst>
          </p:cNvPr>
          <p:cNvGrpSpPr/>
          <p:nvPr/>
        </p:nvGrpSpPr>
        <p:grpSpPr>
          <a:xfrm>
            <a:off x="3431570" y="4082664"/>
            <a:ext cx="5336014" cy="710904"/>
            <a:chOff x="3431570" y="3972778"/>
            <a:chExt cx="5336014" cy="710904"/>
          </a:xfrm>
        </p:grpSpPr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C56C08CA-B006-49EB-9998-8956F4517B95}"/>
                </a:ext>
              </a:extLst>
            </p:cNvPr>
            <p:cNvSpPr txBox="1"/>
            <p:nvPr/>
          </p:nvSpPr>
          <p:spPr>
            <a:xfrm>
              <a:off x="3431570" y="4222017"/>
              <a:ext cx="5336014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200" dirty="0">
                  <a:solidFill>
                    <a:schemeClr val="bg1"/>
                  </a:solidFill>
                  <a:cs typeface="Arial" pitchFamily="34" charset="0"/>
                </a:rPr>
                <a:t>Publications/participation in conference (</a:t>
              </a:r>
              <a:r>
                <a:rPr lang="en-US" altLang="ko-KR" sz="1200" dirty="0" err="1">
                  <a:solidFill>
                    <a:schemeClr val="bg1"/>
                  </a:solidFill>
                  <a:cs typeface="Arial" pitchFamily="34" charset="0"/>
                </a:rPr>
                <a:t>ie</a:t>
              </a:r>
              <a:r>
                <a:rPr lang="en-US" altLang="ko-KR" sz="1200" dirty="0">
                  <a:solidFill>
                    <a:schemeClr val="bg1"/>
                  </a:solidFill>
                  <a:cs typeface="Arial" pitchFamily="34" charset="0"/>
                </a:rPr>
                <a:t>: International Students Conference)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2251D24C-E0AA-4601-89BC-56D31D6A11DB}"/>
                </a:ext>
              </a:extLst>
            </p:cNvPr>
            <p:cNvSpPr txBox="1"/>
            <p:nvPr/>
          </p:nvSpPr>
          <p:spPr>
            <a:xfrm>
              <a:off x="3431570" y="3972778"/>
              <a:ext cx="533601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200" b="1" dirty="0">
                  <a:solidFill>
                    <a:schemeClr val="bg1"/>
                  </a:solidFill>
                  <a:cs typeface="Arial" pitchFamily="34" charset="0"/>
                </a:rPr>
                <a:t>Publication</a:t>
              </a:r>
              <a:endParaRPr lang="ko-KR" altLang="en-US" sz="12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sp>
        <p:nvSpPr>
          <p:cNvPr id="18" name="Rectangle 17">
            <a:extLst>
              <a:ext uri="{FF2B5EF4-FFF2-40B4-BE49-F238E27FC236}">
                <a16:creationId xmlns:a16="http://schemas.microsoft.com/office/drawing/2014/main" id="{799B02AC-22AE-40A6-B401-A9801DADDAF5}"/>
              </a:ext>
            </a:extLst>
          </p:cNvPr>
          <p:cNvSpPr/>
          <p:nvPr/>
        </p:nvSpPr>
        <p:spPr>
          <a:xfrm>
            <a:off x="2865971" y="2873222"/>
            <a:ext cx="972000" cy="972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A9695D53-A289-49C1-8444-6FC8EE3D5068}"/>
              </a:ext>
            </a:extLst>
          </p:cNvPr>
          <p:cNvSpPr/>
          <p:nvPr/>
        </p:nvSpPr>
        <p:spPr>
          <a:xfrm>
            <a:off x="3939850" y="2873222"/>
            <a:ext cx="4319450" cy="972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2EE314B-8419-4CA5-BCB0-03852763E672}"/>
              </a:ext>
            </a:extLst>
          </p:cNvPr>
          <p:cNvSpPr/>
          <p:nvPr/>
        </p:nvSpPr>
        <p:spPr>
          <a:xfrm>
            <a:off x="8350988" y="2873222"/>
            <a:ext cx="972000" cy="972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ko-KR" altLang="en-US" sz="2700"/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68BF3C6F-3682-4EF3-8F6E-6A64421E53C4}"/>
              </a:ext>
            </a:extLst>
          </p:cNvPr>
          <p:cNvSpPr/>
          <p:nvPr/>
        </p:nvSpPr>
        <p:spPr>
          <a:xfrm>
            <a:off x="3027708" y="3097613"/>
            <a:ext cx="638175" cy="523220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algn="ctr"/>
            <a:r>
              <a:rPr lang="en-US" altLang="ko-KR" sz="2800" b="1" dirty="0">
                <a:solidFill>
                  <a:schemeClr val="bg1"/>
                </a:solidFill>
                <a:cs typeface="Arial" pitchFamily="34" charset="0"/>
              </a:rPr>
              <a:t>01</a:t>
            </a:r>
            <a:endParaRPr lang="ko-KR" altLang="en-US" sz="2800" dirty="0">
              <a:cs typeface="Arial" pitchFamily="34" charset="0"/>
            </a:endParaRPr>
          </a:p>
        </p:txBody>
      </p:sp>
      <p:grpSp>
        <p:nvGrpSpPr>
          <p:cNvPr id="22" name="그룹 5">
            <a:extLst>
              <a:ext uri="{FF2B5EF4-FFF2-40B4-BE49-F238E27FC236}">
                <a16:creationId xmlns:a16="http://schemas.microsoft.com/office/drawing/2014/main" id="{EDDC714E-907E-4ABE-B146-43D888A7987C}"/>
              </a:ext>
            </a:extLst>
          </p:cNvPr>
          <p:cNvGrpSpPr/>
          <p:nvPr/>
        </p:nvGrpSpPr>
        <p:grpSpPr>
          <a:xfrm>
            <a:off x="4284325" y="3003770"/>
            <a:ext cx="3630504" cy="526238"/>
            <a:chOff x="4284325" y="2935254"/>
            <a:chExt cx="3630504" cy="526238"/>
          </a:xfrm>
        </p:grpSpPr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1A110FA3-C504-4A9D-969E-767F4DB127E4}"/>
                </a:ext>
              </a:extLst>
            </p:cNvPr>
            <p:cNvSpPr txBox="1"/>
            <p:nvPr/>
          </p:nvSpPr>
          <p:spPr>
            <a:xfrm>
              <a:off x="4284325" y="3184493"/>
              <a:ext cx="363050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200" dirty="0">
                  <a:solidFill>
                    <a:schemeClr val="bg1"/>
                  </a:solidFill>
                  <a:cs typeface="Arial" pitchFamily="34" charset="0"/>
                </a:rPr>
                <a:t>Successful viva and thesis report – obtained </a:t>
              </a:r>
              <a:r>
                <a:rPr lang="en-US" altLang="ko-KR" sz="1200" dirty="0" err="1">
                  <a:solidFill>
                    <a:schemeClr val="bg1"/>
                  </a:solidFill>
                  <a:cs typeface="Arial" pitchFamily="34" charset="0"/>
                </a:rPr>
                <a:t>Msc</a:t>
              </a:r>
              <a:endParaRPr lang="en-US" altLang="ko-KR" sz="1200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61218383-9C35-4999-AE73-06AE04200757}"/>
                </a:ext>
              </a:extLst>
            </p:cNvPr>
            <p:cNvSpPr txBox="1"/>
            <p:nvPr/>
          </p:nvSpPr>
          <p:spPr>
            <a:xfrm>
              <a:off x="4284325" y="2935254"/>
              <a:ext cx="3630504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ko-KR" sz="1200" b="1" dirty="0">
                  <a:solidFill>
                    <a:schemeClr val="bg1"/>
                  </a:solidFill>
                  <a:cs typeface="Arial" pitchFamily="34" charset="0"/>
                </a:rPr>
                <a:t>Thesis</a:t>
              </a:r>
              <a:endParaRPr lang="ko-KR" altLang="en-US" sz="1200" b="1" dirty="0">
                <a:solidFill>
                  <a:schemeClr val="bg1"/>
                </a:solidFill>
                <a:cs typeface="Arial" pitchFamily="34" charset="0"/>
              </a:endParaRPr>
            </a:p>
          </p:txBody>
        </p:sp>
      </p:grpSp>
      <p:cxnSp>
        <p:nvCxnSpPr>
          <p:cNvPr id="25" name="Elbow Connector 61">
            <a:extLst>
              <a:ext uri="{FF2B5EF4-FFF2-40B4-BE49-F238E27FC236}">
                <a16:creationId xmlns:a16="http://schemas.microsoft.com/office/drawing/2014/main" id="{9DA89D9B-17D4-4ABF-A06D-A68CC220E612}"/>
              </a:ext>
            </a:extLst>
          </p:cNvPr>
          <p:cNvCxnSpPr/>
          <p:nvPr/>
        </p:nvCxnSpPr>
        <p:spPr>
          <a:xfrm flipV="1">
            <a:off x="1359269" y="4508176"/>
            <a:ext cx="468000" cy="468000"/>
          </a:xfrm>
          <a:prstGeom prst="bentConnector3">
            <a:avLst>
              <a:gd name="adj1" fmla="val -2917"/>
            </a:avLst>
          </a:prstGeom>
          <a:ln w="28575">
            <a:solidFill>
              <a:schemeClr val="accent1"/>
            </a:solidFill>
            <a:prstDash val="sysDot"/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Elbow Connector 62">
            <a:extLst>
              <a:ext uri="{FF2B5EF4-FFF2-40B4-BE49-F238E27FC236}">
                <a16:creationId xmlns:a16="http://schemas.microsoft.com/office/drawing/2014/main" id="{84F7426D-6267-43CA-9B7C-7B263AD043AD}"/>
              </a:ext>
            </a:extLst>
          </p:cNvPr>
          <p:cNvCxnSpPr/>
          <p:nvPr/>
        </p:nvCxnSpPr>
        <p:spPr>
          <a:xfrm flipV="1">
            <a:off x="2360584" y="3432744"/>
            <a:ext cx="468000" cy="468000"/>
          </a:xfrm>
          <a:prstGeom prst="bentConnector3">
            <a:avLst>
              <a:gd name="adj1" fmla="val -2917"/>
            </a:avLst>
          </a:prstGeom>
          <a:ln w="28575">
            <a:solidFill>
              <a:schemeClr val="accent2"/>
            </a:solidFill>
            <a:prstDash val="sysDot"/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63">
            <a:extLst>
              <a:ext uri="{FF2B5EF4-FFF2-40B4-BE49-F238E27FC236}">
                <a16:creationId xmlns:a16="http://schemas.microsoft.com/office/drawing/2014/main" id="{E3F6BB6A-1B6A-4369-9754-9ABD1CDD409A}"/>
              </a:ext>
            </a:extLst>
          </p:cNvPr>
          <p:cNvCxnSpPr>
            <a:cxnSpLocks/>
          </p:cNvCxnSpPr>
          <p:nvPr/>
        </p:nvCxnSpPr>
        <p:spPr>
          <a:xfrm rot="5400000" flipH="1" flipV="1">
            <a:off x="4141065" y="1456400"/>
            <a:ext cx="612000" cy="2160000"/>
          </a:xfrm>
          <a:prstGeom prst="bentConnector2">
            <a:avLst/>
          </a:prstGeom>
          <a:ln w="28575">
            <a:solidFill>
              <a:schemeClr val="accent3"/>
            </a:solidFill>
            <a:prstDash val="sysDot"/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Elbow Connector 64">
            <a:extLst>
              <a:ext uri="{FF2B5EF4-FFF2-40B4-BE49-F238E27FC236}">
                <a16:creationId xmlns:a16="http://schemas.microsoft.com/office/drawing/2014/main" id="{8251829D-F188-47DF-ABA4-86743C63ECF2}"/>
              </a:ext>
            </a:extLst>
          </p:cNvPr>
          <p:cNvCxnSpPr/>
          <p:nvPr/>
        </p:nvCxnSpPr>
        <p:spPr>
          <a:xfrm flipH="1" flipV="1">
            <a:off x="10352261" y="4508176"/>
            <a:ext cx="468000" cy="468000"/>
          </a:xfrm>
          <a:prstGeom prst="bentConnector3">
            <a:avLst>
              <a:gd name="adj1" fmla="val -2917"/>
            </a:avLst>
          </a:prstGeom>
          <a:ln w="28575">
            <a:solidFill>
              <a:schemeClr val="accent1"/>
            </a:solidFill>
            <a:prstDash val="sysDot"/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Elbow Connector 65">
            <a:extLst>
              <a:ext uri="{FF2B5EF4-FFF2-40B4-BE49-F238E27FC236}">
                <a16:creationId xmlns:a16="http://schemas.microsoft.com/office/drawing/2014/main" id="{231F709F-3D5E-464A-AAE9-22DBDD8F8607}"/>
              </a:ext>
            </a:extLst>
          </p:cNvPr>
          <p:cNvCxnSpPr/>
          <p:nvPr/>
        </p:nvCxnSpPr>
        <p:spPr>
          <a:xfrm flipH="1" flipV="1">
            <a:off x="9334624" y="3432744"/>
            <a:ext cx="468000" cy="468000"/>
          </a:xfrm>
          <a:prstGeom prst="bentConnector3">
            <a:avLst>
              <a:gd name="adj1" fmla="val -2917"/>
            </a:avLst>
          </a:prstGeom>
          <a:ln w="28575">
            <a:solidFill>
              <a:schemeClr val="accent2"/>
            </a:solidFill>
            <a:prstDash val="sysDot"/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Elbow Connector 66">
            <a:extLst>
              <a:ext uri="{FF2B5EF4-FFF2-40B4-BE49-F238E27FC236}">
                <a16:creationId xmlns:a16="http://schemas.microsoft.com/office/drawing/2014/main" id="{EEA45C16-8978-4655-A217-37D0250D1D0A}"/>
              </a:ext>
            </a:extLst>
          </p:cNvPr>
          <p:cNvCxnSpPr>
            <a:cxnSpLocks/>
          </p:cNvCxnSpPr>
          <p:nvPr/>
        </p:nvCxnSpPr>
        <p:spPr>
          <a:xfrm rot="16200000" flipV="1">
            <a:off x="7438936" y="1456400"/>
            <a:ext cx="612000" cy="2160000"/>
          </a:xfrm>
          <a:prstGeom prst="bentConnector2">
            <a:avLst/>
          </a:prstGeom>
          <a:ln w="28575">
            <a:solidFill>
              <a:schemeClr val="accent3"/>
            </a:solidFill>
            <a:prstDash val="sysDot"/>
            <a:headEnd type="oval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Isosceles Triangle 68">
            <a:extLst>
              <a:ext uri="{FF2B5EF4-FFF2-40B4-BE49-F238E27FC236}">
                <a16:creationId xmlns:a16="http://schemas.microsoft.com/office/drawing/2014/main" id="{E91A5E1E-DC86-4C78-9A0E-DBDA6ACCD28E}"/>
              </a:ext>
            </a:extLst>
          </p:cNvPr>
          <p:cNvSpPr/>
          <p:nvPr/>
        </p:nvSpPr>
        <p:spPr>
          <a:xfrm rot="10800000">
            <a:off x="8714584" y="3078921"/>
            <a:ext cx="220703" cy="687310"/>
          </a:xfrm>
          <a:custGeom>
            <a:avLst/>
            <a:gdLst/>
            <a:ahLst/>
            <a:cxnLst/>
            <a:rect l="l" t="t" r="r" b="b"/>
            <a:pathLst>
              <a:path w="1040400" h="3240000">
                <a:moveTo>
                  <a:pt x="41345" y="940666"/>
                </a:moveTo>
                <a:lnTo>
                  <a:pt x="1242" y="653403"/>
                </a:lnTo>
                <a:lnTo>
                  <a:pt x="0" y="653403"/>
                </a:lnTo>
                <a:lnTo>
                  <a:pt x="1057" y="652077"/>
                </a:lnTo>
                <a:lnTo>
                  <a:pt x="447" y="647712"/>
                </a:lnTo>
                <a:lnTo>
                  <a:pt x="4531" y="647712"/>
                </a:lnTo>
                <a:lnTo>
                  <a:pt x="520200" y="0"/>
                </a:lnTo>
                <a:lnTo>
                  <a:pt x="659109" y="174478"/>
                </a:lnTo>
                <a:close/>
                <a:moveTo>
                  <a:pt x="101622" y="1372451"/>
                </a:moveTo>
                <a:lnTo>
                  <a:pt x="61820" y="1087335"/>
                </a:lnTo>
                <a:lnTo>
                  <a:pt x="728036" y="261055"/>
                </a:lnTo>
                <a:lnTo>
                  <a:pt x="870500" y="439998"/>
                </a:lnTo>
                <a:lnTo>
                  <a:pt x="860164" y="431664"/>
                </a:lnTo>
                <a:close/>
                <a:moveTo>
                  <a:pt x="161365" y="1800403"/>
                </a:moveTo>
                <a:lnTo>
                  <a:pt x="122098" y="1519120"/>
                </a:lnTo>
                <a:lnTo>
                  <a:pt x="930953" y="515931"/>
                </a:lnTo>
                <a:lnTo>
                  <a:pt x="1035869" y="647712"/>
                </a:lnTo>
                <a:lnTo>
                  <a:pt x="1039954" y="647712"/>
                </a:lnTo>
                <a:lnTo>
                  <a:pt x="1039345" y="652078"/>
                </a:lnTo>
                <a:lnTo>
                  <a:pt x="1040400" y="653403"/>
                </a:lnTo>
                <a:lnTo>
                  <a:pt x="1039160" y="653403"/>
                </a:lnTo>
                <a:lnTo>
                  <a:pt x="1029316" y="723920"/>
                </a:lnTo>
                <a:close/>
                <a:moveTo>
                  <a:pt x="217894" y="2205330"/>
                </a:moveTo>
                <a:lnTo>
                  <a:pt x="181840" y="1947070"/>
                </a:lnTo>
                <a:lnTo>
                  <a:pt x="1000266" y="932012"/>
                </a:lnTo>
                <a:lnTo>
                  <a:pt x="949113" y="1298429"/>
                </a:lnTo>
                <a:close/>
                <a:moveTo>
                  <a:pt x="330192" y="2564220"/>
                </a:moveTo>
                <a:lnTo>
                  <a:pt x="267995" y="2564220"/>
                </a:lnTo>
                <a:lnTo>
                  <a:pt x="237100" y="2342912"/>
                </a:lnTo>
                <a:lnTo>
                  <a:pt x="242309" y="2347112"/>
                </a:lnTo>
                <a:lnTo>
                  <a:pt x="920063" y="1506522"/>
                </a:lnTo>
                <a:lnTo>
                  <a:pt x="865005" y="1900914"/>
                </a:lnTo>
                <a:close/>
                <a:moveTo>
                  <a:pt x="772406" y="2564220"/>
                </a:moveTo>
                <a:lnTo>
                  <a:pt x="468924" y="2564220"/>
                </a:lnTo>
                <a:lnTo>
                  <a:pt x="835955" y="2109008"/>
                </a:lnTo>
                <a:close/>
                <a:moveTo>
                  <a:pt x="892044" y="3240000"/>
                </a:moveTo>
                <a:lnTo>
                  <a:pt x="148356" y="3240000"/>
                </a:lnTo>
                <a:lnTo>
                  <a:pt x="276144" y="2663936"/>
                </a:lnTo>
                <a:lnTo>
                  <a:pt x="764256" y="2663936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2700"/>
          </a:p>
        </p:txBody>
      </p:sp>
      <p:sp>
        <p:nvSpPr>
          <p:cNvPr id="36" name="Parallelogram 15">
            <a:extLst>
              <a:ext uri="{FF2B5EF4-FFF2-40B4-BE49-F238E27FC236}">
                <a16:creationId xmlns:a16="http://schemas.microsoft.com/office/drawing/2014/main" id="{EAA4342C-1383-46C2-A95D-C1336BE542BE}"/>
              </a:ext>
            </a:extLst>
          </p:cNvPr>
          <p:cNvSpPr/>
          <p:nvPr/>
        </p:nvSpPr>
        <p:spPr>
          <a:xfrm rot="16200000">
            <a:off x="5805371" y="1906328"/>
            <a:ext cx="598764" cy="648141"/>
          </a:xfrm>
          <a:custGeom>
            <a:avLst/>
            <a:gdLst/>
            <a:ahLst/>
            <a:cxnLst/>
            <a:rect l="l" t="t" r="r" b="b"/>
            <a:pathLst>
              <a:path w="2993176" h="3240001">
                <a:moveTo>
                  <a:pt x="1299907" y="647892"/>
                </a:moveTo>
                <a:lnTo>
                  <a:pt x="665509" y="1620000"/>
                </a:lnTo>
                <a:lnTo>
                  <a:pt x="1299907" y="2592108"/>
                </a:lnTo>
                <a:lnTo>
                  <a:pt x="634398" y="2592108"/>
                </a:lnTo>
                <a:lnTo>
                  <a:pt x="0" y="1620000"/>
                </a:lnTo>
                <a:lnTo>
                  <a:pt x="634398" y="647892"/>
                </a:lnTo>
                <a:close/>
                <a:moveTo>
                  <a:pt x="2993176" y="1620001"/>
                </a:moveTo>
                <a:lnTo>
                  <a:pt x="1913056" y="3240001"/>
                </a:lnTo>
                <a:lnTo>
                  <a:pt x="1782206" y="3043749"/>
                </a:lnTo>
                <a:lnTo>
                  <a:pt x="1110064" y="3043749"/>
                </a:lnTo>
                <a:cubicBezTo>
                  <a:pt x="1089036" y="3096599"/>
                  <a:pt x="1037333" y="3133759"/>
                  <a:pt x="976952" y="3133759"/>
                </a:cubicBezTo>
                <a:cubicBezTo>
                  <a:pt x="923853" y="3133759"/>
                  <a:pt x="877466" y="3105022"/>
                  <a:pt x="854540" y="3061058"/>
                </a:cubicBezTo>
                <a:lnTo>
                  <a:pt x="302383" y="3169763"/>
                </a:lnTo>
                <a:lnTo>
                  <a:pt x="302383" y="2809723"/>
                </a:lnTo>
                <a:lnTo>
                  <a:pt x="854540" y="2918427"/>
                </a:lnTo>
                <a:cubicBezTo>
                  <a:pt x="877466" y="2874463"/>
                  <a:pt x="923853" y="2845727"/>
                  <a:pt x="976952" y="2845727"/>
                </a:cubicBezTo>
                <a:cubicBezTo>
                  <a:pt x="1037333" y="2845727"/>
                  <a:pt x="1089036" y="2882887"/>
                  <a:pt x="1110064" y="2935737"/>
                </a:cubicBezTo>
                <a:lnTo>
                  <a:pt x="1710190" y="2935737"/>
                </a:lnTo>
                <a:lnTo>
                  <a:pt x="832936" y="1620001"/>
                </a:lnTo>
                <a:lnTo>
                  <a:pt x="1913056" y="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2700" dirty="0"/>
          </a:p>
        </p:txBody>
      </p:sp>
      <p:sp>
        <p:nvSpPr>
          <p:cNvPr id="37" name="Rounded Rectangle 51">
            <a:extLst>
              <a:ext uri="{FF2B5EF4-FFF2-40B4-BE49-F238E27FC236}">
                <a16:creationId xmlns:a16="http://schemas.microsoft.com/office/drawing/2014/main" id="{52DFE60C-3111-4561-A3B6-852E8D31A30C}"/>
              </a:ext>
            </a:extLst>
          </p:cNvPr>
          <p:cNvSpPr/>
          <p:nvPr/>
        </p:nvSpPr>
        <p:spPr>
          <a:xfrm rot="16200000" flipH="1">
            <a:off x="10528555" y="5271175"/>
            <a:ext cx="541566" cy="510026"/>
          </a:xfrm>
          <a:custGeom>
            <a:avLst/>
            <a:gdLst/>
            <a:ahLst/>
            <a:cxnLst/>
            <a:rect l="l" t="t" r="r" b="b"/>
            <a:pathLst>
              <a:path w="2928608" h="2758049">
                <a:moveTo>
                  <a:pt x="2797052" y="1199936"/>
                </a:moveTo>
                <a:lnTo>
                  <a:pt x="2797052" y="1541978"/>
                </a:lnTo>
                <a:cubicBezTo>
                  <a:pt x="2797052" y="1578306"/>
                  <a:pt x="2826502" y="1607756"/>
                  <a:pt x="2862830" y="1607756"/>
                </a:cubicBezTo>
                <a:lnTo>
                  <a:pt x="2862830" y="1607755"/>
                </a:lnTo>
                <a:cubicBezTo>
                  <a:pt x="2899158" y="1607755"/>
                  <a:pt x="2928608" y="1578305"/>
                  <a:pt x="2928608" y="1541977"/>
                </a:cubicBezTo>
                <a:lnTo>
                  <a:pt x="2928607" y="1199936"/>
                </a:lnTo>
                <a:cubicBezTo>
                  <a:pt x="2928607" y="1163608"/>
                  <a:pt x="2899158" y="1134159"/>
                  <a:pt x="2862830" y="1134158"/>
                </a:cubicBezTo>
                <a:cubicBezTo>
                  <a:pt x="2826502" y="1134159"/>
                  <a:pt x="2797052" y="1163608"/>
                  <a:pt x="2797052" y="1199936"/>
                </a:cubicBezTo>
                <a:close/>
                <a:moveTo>
                  <a:pt x="2593193" y="1147315"/>
                </a:moveTo>
                <a:lnTo>
                  <a:pt x="2593193" y="1594601"/>
                </a:lnTo>
                <a:cubicBezTo>
                  <a:pt x="2593193" y="1630929"/>
                  <a:pt x="2622643" y="1660379"/>
                  <a:pt x="2658971" y="1660379"/>
                </a:cubicBezTo>
                <a:lnTo>
                  <a:pt x="2658971" y="1660378"/>
                </a:lnTo>
                <a:cubicBezTo>
                  <a:pt x="2695299" y="1660378"/>
                  <a:pt x="2724749" y="1630928"/>
                  <a:pt x="2724749" y="1594600"/>
                </a:cubicBezTo>
                <a:lnTo>
                  <a:pt x="2724748" y="1147315"/>
                </a:lnTo>
                <a:cubicBezTo>
                  <a:pt x="2724748" y="1110987"/>
                  <a:pt x="2695299" y="1081538"/>
                  <a:pt x="2658971" y="1081537"/>
                </a:cubicBezTo>
                <a:cubicBezTo>
                  <a:pt x="2622643" y="1081538"/>
                  <a:pt x="2593193" y="1110987"/>
                  <a:pt x="2593193" y="1147315"/>
                </a:cubicBezTo>
                <a:close/>
                <a:moveTo>
                  <a:pt x="2389334" y="1121004"/>
                </a:moveTo>
                <a:lnTo>
                  <a:pt x="2389334" y="1620912"/>
                </a:lnTo>
                <a:cubicBezTo>
                  <a:pt x="2389334" y="1657240"/>
                  <a:pt x="2418784" y="1686690"/>
                  <a:pt x="2455112" y="1686690"/>
                </a:cubicBezTo>
                <a:lnTo>
                  <a:pt x="2455112" y="1686689"/>
                </a:lnTo>
                <a:cubicBezTo>
                  <a:pt x="2491440" y="1686689"/>
                  <a:pt x="2520890" y="1657239"/>
                  <a:pt x="2520890" y="1620911"/>
                </a:cubicBezTo>
                <a:lnTo>
                  <a:pt x="2520889" y="1121004"/>
                </a:lnTo>
                <a:cubicBezTo>
                  <a:pt x="2520889" y="1084676"/>
                  <a:pt x="2491440" y="1055227"/>
                  <a:pt x="2455112" y="1055226"/>
                </a:cubicBezTo>
                <a:cubicBezTo>
                  <a:pt x="2418784" y="1055227"/>
                  <a:pt x="2389334" y="1084676"/>
                  <a:pt x="2389334" y="1121004"/>
                </a:cubicBezTo>
                <a:close/>
                <a:moveTo>
                  <a:pt x="1314382" y="1247024"/>
                </a:moveTo>
                <a:cubicBezTo>
                  <a:pt x="1314381" y="1225915"/>
                  <a:pt x="1331494" y="1208803"/>
                  <a:pt x="1352603" y="1208803"/>
                </a:cubicBezTo>
                <a:lnTo>
                  <a:pt x="1410313" y="1208803"/>
                </a:lnTo>
                <a:lnTo>
                  <a:pt x="1410313" y="1146778"/>
                </a:lnTo>
                <a:cubicBezTo>
                  <a:pt x="1410313" y="1145599"/>
                  <a:pt x="1410393" y="1144438"/>
                  <a:pt x="1411688" y="1143457"/>
                </a:cubicBezTo>
                <a:lnTo>
                  <a:pt x="1408531" y="1133444"/>
                </a:lnTo>
                <a:cubicBezTo>
                  <a:pt x="1410371" y="1112415"/>
                  <a:pt x="1428909" y="1096860"/>
                  <a:pt x="1449938" y="1098699"/>
                </a:cubicBezTo>
                <a:lnTo>
                  <a:pt x="2236821" y="1167543"/>
                </a:lnTo>
                <a:cubicBezTo>
                  <a:pt x="2257849" y="1169383"/>
                  <a:pt x="2273405" y="1187920"/>
                  <a:pt x="2271565" y="1208950"/>
                </a:cubicBezTo>
                <a:cubicBezTo>
                  <a:pt x="2269725" y="1229978"/>
                  <a:pt x="2251187" y="1245533"/>
                  <a:pt x="2230159" y="1243693"/>
                </a:cubicBezTo>
                <a:cubicBezTo>
                  <a:pt x="1973864" y="1221271"/>
                  <a:pt x="1717570" y="1198849"/>
                  <a:pt x="1461275" y="1176426"/>
                </a:cubicBezTo>
                <a:lnTo>
                  <a:pt x="1461274" y="1208803"/>
                </a:lnTo>
                <a:lnTo>
                  <a:pt x="1518985" y="1208803"/>
                </a:lnTo>
                <a:cubicBezTo>
                  <a:pt x="1540095" y="1208802"/>
                  <a:pt x="1557205" y="1225915"/>
                  <a:pt x="1557206" y="1247025"/>
                </a:cubicBezTo>
                <a:lnTo>
                  <a:pt x="1557207" y="1247023"/>
                </a:lnTo>
                <a:cubicBezTo>
                  <a:pt x="1557207" y="1268132"/>
                  <a:pt x="1540095" y="1285244"/>
                  <a:pt x="1518986" y="1285244"/>
                </a:cubicBezTo>
                <a:cubicBezTo>
                  <a:pt x="1499749" y="1285244"/>
                  <a:pt x="1480511" y="1285243"/>
                  <a:pt x="1461275" y="1285244"/>
                </a:cubicBezTo>
                <a:lnTo>
                  <a:pt x="1461275" y="1337600"/>
                </a:lnTo>
                <a:lnTo>
                  <a:pt x="1518985" y="1337600"/>
                </a:lnTo>
                <a:cubicBezTo>
                  <a:pt x="1540095" y="1337600"/>
                  <a:pt x="1557206" y="1354713"/>
                  <a:pt x="1557206" y="1375821"/>
                </a:cubicBezTo>
                <a:lnTo>
                  <a:pt x="1557207" y="1375820"/>
                </a:lnTo>
                <a:cubicBezTo>
                  <a:pt x="1557206" y="1396928"/>
                  <a:pt x="1540095" y="1414041"/>
                  <a:pt x="1518986" y="1414041"/>
                </a:cubicBezTo>
                <a:cubicBezTo>
                  <a:pt x="1499750" y="1414041"/>
                  <a:pt x="1480511" y="1414041"/>
                  <a:pt x="1461275" y="1414042"/>
                </a:cubicBezTo>
                <a:lnTo>
                  <a:pt x="1461275" y="1466398"/>
                </a:lnTo>
                <a:lnTo>
                  <a:pt x="1518985" y="1466398"/>
                </a:lnTo>
                <a:cubicBezTo>
                  <a:pt x="1540095" y="1466398"/>
                  <a:pt x="1557206" y="1483509"/>
                  <a:pt x="1557206" y="1504618"/>
                </a:cubicBezTo>
                <a:lnTo>
                  <a:pt x="1557207" y="1504619"/>
                </a:lnTo>
                <a:cubicBezTo>
                  <a:pt x="1557207" y="1525727"/>
                  <a:pt x="1540094" y="1542838"/>
                  <a:pt x="1518986" y="1542839"/>
                </a:cubicBezTo>
                <a:cubicBezTo>
                  <a:pt x="1499749" y="1542839"/>
                  <a:pt x="1480511" y="1542838"/>
                  <a:pt x="1461275" y="1542839"/>
                </a:cubicBezTo>
                <a:lnTo>
                  <a:pt x="1461274" y="1575412"/>
                </a:lnTo>
                <a:lnTo>
                  <a:pt x="2226550" y="1494978"/>
                </a:lnTo>
                <a:cubicBezTo>
                  <a:pt x="2247542" y="1492772"/>
                  <a:pt x="2266350" y="1508001"/>
                  <a:pt x="2268556" y="1528995"/>
                </a:cubicBezTo>
                <a:cubicBezTo>
                  <a:pt x="2270763" y="1549988"/>
                  <a:pt x="2255534" y="1568794"/>
                  <a:pt x="2234542" y="1571000"/>
                </a:cubicBezTo>
                <a:cubicBezTo>
                  <a:pt x="1972686" y="1598522"/>
                  <a:pt x="1710833" y="1626046"/>
                  <a:pt x="1448978" y="1653567"/>
                </a:cubicBezTo>
                <a:cubicBezTo>
                  <a:pt x="1427984" y="1655774"/>
                  <a:pt x="1409178" y="1640544"/>
                  <a:pt x="1406971" y="1619551"/>
                </a:cubicBezTo>
                <a:cubicBezTo>
                  <a:pt x="1406474" y="1614827"/>
                  <a:pt x="1406862" y="1610214"/>
                  <a:pt x="1410805" y="1606610"/>
                </a:cubicBezTo>
                <a:lnTo>
                  <a:pt x="1410312" y="1605422"/>
                </a:lnTo>
                <a:lnTo>
                  <a:pt x="1410312" y="1542839"/>
                </a:lnTo>
                <a:lnTo>
                  <a:pt x="1352603" y="1542841"/>
                </a:lnTo>
                <a:cubicBezTo>
                  <a:pt x="1331494" y="1542841"/>
                  <a:pt x="1314382" y="1525729"/>
                  <a:pt x="1314382" y="1504619"/>
                </a:cubicBezTo>
                <a:cubicBezTo>
                  <a:pt x="1314382" y="1483510"/>
                  <a:pt x="1331493" y="1466397"/>
                  <a:pt x="1352603" y="1466398"/>
                </a:cubicBezTo>
                <a:lnTo>
                  <a:pt x="1410312" y="1466398"/>
                </a:lnTo>
                <a:lnTo>
                  <a:pt x="1410313" y="1414042"/>
                </a:lnTo>
                <a:lnTo>
                  <a:pt x="1352603" y="1414042"/>
                </a:lnTo>
                <a:cubicBezTo>
                  <a:pt x="1331494" y="1414041"/>
                  <a:pt x="1314383" y="1396930"/>
                  <a:pt x="1314382" y="1375820"/>
                </a:cubicBezTo>
                <a:cubicBezTo>
                  <a:pt x="1314383" y="1354713"/>
                  <a:pt x="1331494" y="1337600"/>
                  <a:pt x="1352603" y="1337601"/>
                </a:cubicBezTo>
                <a:lnTo>
                  <a:pt x="1410312" y="1337600"/>
                </a:lnTo>
                <a:lnTo>
                  <a:pt x="1410312" y="1285244"/>
                </a:lnTo>
                <a:lnTo>
                  <a:pt x="1352603" y="1285244"/>
                </a:lnTo>
                <a:cubicBezTo>
                  <a:pt x="1331494" y="1285244"/>
                  <a:pt x="1314381" y="1268133"/>
                  <a:pt x="1314382" y="1247024"/>
                </a:cubicBezTo>
                <a:close/>
                <a:moveTo>
                  <a:pt x="1171967" y="72000"/>
                </a:moveTo>
                <a:lnTo>
                  <a:pt x="1171967" y="288000"/>
                </a:lnTo>
                <a:cubicBezTo>
                  <a:pt x="1171967" y="327765"/>
                  <a:pt x="1204202" y="360000"/>
                  <a:pt x="1243967" y="360000"/>
                </a:cubicBezTo>
                <a:cubicBezTo>
                  <a:pt x="1283732" y="360000"/>
                  <a:pt x="1315967" y="327765"/>
                  <a:pt x="1315967" y="288000"/>
                </a:cubicBezTo>
                <a:lnTo>
                  <a:pt x="1315967" y="72000"/>
                </a:lnTo>
                <a:cubicBezTo>
                  <a:pt x="1315967" y="32235"/>
                  <a:pt x="1283732" y="0"/>
                  <a:pt x="1243967" y="0"/>
                </a:cubicBezTo>
                <a:cubicBezTo>
                  <a:pt x="1204202" y="0"/>
                  <a:pt x="1171967" y="32235"/>
                  <a:pt x="1171967" y="72000"/>
                </a:cubicBezTo>
                <a:close/>
                <a:moveTo>
                  <a:pt x="1171966" y="2470049"/>
                </a:moveTo>
                <a:lnTo>
                  <a:pt x="1171966" y="2686049"/>
                </a:lnTo>
                <a:cubicBezTo>
                  <a:pt x="1171966" y="2725814"/>
                  <a:pt x="1204201" y="2758049"/>
                  <a:pt x="1243966" y="2758049"/>
                </a:cubicBezTo>
                <a:cubicBezTo>
                  <a:pt x="1283731" y="2758049"/>
                  <a:pt x="1315966" y="2725814"/>
                  <a:pt x="1315966" y="2686049"/>
                </a:cubicBezTo>
                <a:lnTo>
                  <a:pt x="1315966" y="2470049"/>
                </a:lnTo>
                <a:cubicBezTo>
                  <a:pt x="1315966" y="2430284"/>
                  <a:pt x="1283731" y="2398049"/>
                  <a:pt x="1243966" y="2398049"/>
                </a:cubicBezTo>
                <a:cubicBezTo>
                  <a:pt x="1204201" y="2398049"/>
                  <a:pt x="1171966" y="2430284"/>
                  <a:pt x="1171966" y="2470049"/>
                </a:cubicBezTo>
                <a:close/>
                <a:moveTo>
                  <a:pt x="515345" y="1370958"/>
                </a:moveTo>
                <a:cubicBezTo>
                  <a:pt x="515344" y="1558300"/>
                  <a:pt x="586814" y="1745642"/>
                  <a:pt x="729750" y="1888579"/>
                </a:cubicBezTo>
                <a:cubicBezTo>
                  <a:pt x="1015625" y="2174454"/>
                  <a:pt x="1479119" y="2174454"/>
                  <a:pt x="1764994" y="1888580"/>
                </a:cubicBezTo>
                <a:lnTo>
                  <a:pt x="1940572" y="1713001"/>
                </a:lnTo>
                <a:lnTo>
                  <a:pt x="2136413" y="1713002"/>
                </a:lnTo>
                <a:cubicBezTo>
                  <a:pt x="2215124" y="1713001"/>
                  <a:pt x="2278929" y="1649195"/>
                  <a:pt x="2278929" y="1570486"/>
                </a:cubicBezTo>
                <a:lnTo>
                  <a:pt x="2278929" y="1374645"/>
                </a:lnTo>
                <a:lnTo>
                  <a:pt x="2282614" y="1370959"/>
                </a:lnTo>
                <a:lnTo>
                  <a:pt x="2278929" y="1367272"/>
                </a:lnTo>
                <a:lnTo>
                  <a:pt x="2278929" y="1171432"/>
                </a:lnTo>
                <a:cubicBezTo>
                  <a:pt x="2278929" y="1092722"/>
                  <a:pt x="2215123" y="1028916"/>
                  <a:pt x="2136413" y="1028916"/>
                </a:cubicBezTo>
                <a:lnTo>
                  <a:pt x="1940571" y="1028916"/>
                </a:lnTo>
                <a:cubicBezTo>
                  <a:pt x="1882045" y="970390"/>
                  <a:pt x="1823519" y="911862"/>
                  <a:pt x="1764993" y="853336"/>
                </a:cubicBezTo>
                <a:cubicBezTo>
                  <a:pt x="1479118" y="567461"/>
                  <a:pt x="1015625" y="567462"/>
                  <a:pt x="729750" y="853336"/>
                </a:cubicBezTo>
                <a:cubicBezTo>
                  <a:pt x="586813" y="996273"/>
                  <a:pt x="515344" y="1183616"/>
                  <a:pt x="515345" y="1370958"/>
                </a:cubicBezTo>
                <a:close/>
                <a:moveTo>
                  <a:pt x="388776" y="2386770"/>
                </a:moveTo>
                <a:cubicBezTo>
                  <a:pt x="388776" y="2405196"/>
                  <a:pt x="395805" y="2423622"/>
                  <a:pt x="409865" y="2437681"/>
                </a:cubicBezTo>
                <a:cubicBezTo>
                  <a:pt x="437983" y="2465800"/>
                  <a:pt x="483570" y="2465800"/>
                  <a:pt x="511688" y="2437681"/>
                </a:cubicBezTo>
                <a:lnTo>
                  <a:pt x="664423" y="2284946"/>
                </a:lnTo>
                <a:cubicBezTo>
                  <a:pt x="692541" y="2256828"/>
                  <a:pt x="692541" y="2211241"/>
                  <a:pt x="664423" y="2183123"/>
                </a:cubicBezTo>
                <a:cubicBezTo>
                  <a:pt x="636305" y="2155005"/>
                  <a:pt x="590718" y="2155005"/>
                  <a:pt x="562599" y="2183123"/>
                </a:cubicBezTo>
                <a:lnTo>
                  <a:pt x="409865" y="2335858"/>
                </a:lnTo>
                <a:cubicBezTo>
                  <a:pt x="395805" y="2349917"/>
                  <a:pt x="388776" y="2368343"/>
                  <a:pt x="388776" y="2386770"/>
                </a:cubicBezTo>
                <a:close/>
                <a:moveTo>
                  <a:pt x="388776" y="365689"/>
                </a:moveTo>
                <a:cubicBezTo>
                  <a:pt x="388776" y="384115"/>
                  <a:pt x="395805" y="402541"/>
                  <a:pt x="409865" y="416600"/>
                </a:cubicBezTo>
                <a:lnTo>
                  <a:pt x="562599" y="569335"/>
                </a:lnTo>
                <a:cubicBezTo>
                  <a:pt x="590718" y="597454"/>
                  <a:pt x="636305" y="597454"/>
                  <a:pt x="664423" y="569335"/>
                </a:cubicBezTo>
                <a:cubicBezTo>
                  <a:pt x="692541" y="541217"/>
                  <a:pt x="692541" y="495630"/>
                  <a:pt x="664423" y="467512"/>
                </a:cubicBezTo>
                <a:lnTo>
                  <a:pt x="511688" y="314777"/>
                </a:lnTo>
                <a:cubicBezTo>
                  <a:pt x="483570" y="286659"/>
                  <a:pt x="437983" y="286659"/>
                  <a:pt x="409865" y="314777"/>
                </a:cubicBezTo>
                <a:cubicBezTo>
                  <a:pt x="395805" y="328836"/>
                  <a:pt x="388776" y="347262"/>
                  <a:pt x="388776" y="365689"/>
                </a:cubicBezTo>
                <a:close/>
                <a:moveTo>
                  <a:pt x="0" y="1379024"/>
                </a:moveTo>
                <a:cubicBezTo>
                  <a:pt x="0" y="1418789"/>
                  <a:pt x="32235" y="1451024"/>
                  <a:pt x="72000" y="1451024"/>
                </a:cubicBezTo>
                <a:lnTo>
                  <a:pt x="288000" y="1451024"/>
                </a:lnTo>
                <a:cubicBezTo>
                  <a:pt x="327765" y="1451024"/>
                  <a:pt x="360000" y="1418789"/>
                  <a:pt x="360000" y="1379024"/>
                </a:cubicBezTo>
                <a:cubicBezTo>
                  <a:pt x="360000" y="1339259"/>
                  <a:pt x="327765" y="1307024"/>
                  <a:pt x="288000" y="1307024"/>
                </a:cubicBezTo>
                <a:lnTo>
                  <a:pt x="72000" y="1307024"/>
                </a:lnTo>
                <a:cubicBezTo>
                  <a:pt x="32235" y="1307024"/>
                  <a:pt x="0" y="1339259"/>
                  <a:pt x="0" y="1379024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2700">
              <a:solidFill>
                <a:schemeClr val="tx1"/>
              </a:solidFill>
            </a:endParaRPr>
          </a:p>
        </p:txBody>
      </p:sp>
      <p:sp>
        <p:nvSpPr>
          <p:cNvPr id="38" name="Oval 44">
            <a:extLst>
              <a:ext uri="{FF2B5EF4-FFF2-40B4-BE49-F238E27FC236}">
                <a16:creationId xmlns:a16="http://schemas.microsoft.com/office/drawing/2014/main" id="{16654BF7-15EE-4B57-A75B-EF688AE1E387}"/>
              </a:ext>
            </a:extLst>
          </p:cNvPr>
          <p:cNvSpPr>
            <a:spLocks noChangeAspect="1"/>
          </p:cNvSpPr>
          <p:nvPr/>
        </p:nvSpPr>
        <p:spPr>
          <a:xfrm>
            <a:off x="9615403" y="4195335"/>
            <a:ext cx="478148" cy="569324"/>
          </a:xfrm>
          <a:custGeom>
            <a:avLst/>
            <a:gdLst/>
            <a:ahLst/>
            <a:cxnLst/>
            <a:rect l="l" t="t" r="r" b="b"/>
            <a:pathLst>
              <a:path w="2721114" h="3240000">
                <a:moveTo>
                  <a:pt x="2519839" y="2469622"/>
                </a:moveTo>
                <a:lnTo>
                  <a:pt x="2201779" y="2787682"/>
                </a:lnTo>
                <a:lnTo>
                  <a:pt x="2003023" y="2588926"/>
                </a:lnTo>
                <a:lnTo>
                  <a:pt x="1901669" y="2690281"/>
                </a:lnTo>
                <a:lnTo>
                  <a:pt x="2203868" y="2992480"/>
                </a:lnTo>
                <a:lnTo>
                  <a:pt x="2305222" y="2891125"/>
                </a:lnTo>
                <a:lnTo>
                  <a:pt x="2303133" y="2889037"/>
                </a:lnTo>
                <a:lnTo>
                  <a:pt x="2621194" y="2570977"/>
                </a:lnTo>
                <a:close/>
                <a:moveTo>
                  <a:pt x="2263914" y="2238970"/>
                </a:moveTo>
                <a:cubicBezTo>
                  <a:pt x="2516419" y="2238970"/>
                  <a:pt x="2721114" y="2443665"/>
                  <a:pt x="2721114" y="2696170"/>
                </a:cubicBezTo>
                <a:cubicBezTo>
                  <a:pt x="2721114" y="2948675"/>
                  <a:pt x="2516419" y="3153370"/>
                  <a:pt x="2263914" y="3153370"/>
                </a:cubicBezTo>
                <a:cubicBezTo>
                  <a:pt x="2011409" y="3153370"/>
                  <a:pt x="1806714" y="2948675"/>
                  <a:pt x="1806714" y="2696170"/>
                </a:cubicBezTo>
                <a:cubicBezTo>
                  <a:pt x="1806714" y="2443665"/>
                  <a:pt x="2011409" y="2238970"/>
                  <a:pt x="2263914" y="2238970"/>
                </a:cubicBezTo>
                <a:close/>
                <a:moveTo>
                  <a:pt x="1576134" y="17032"/>
                </a:moveTo>
                <a:lnTo>
                  <a:pt x="2276728" y="17032"/>
                </a:lnTo>
                <a:lnTo>
                  <a:pt x="2276728" y="17033"/>
                </a:lnTo>
                <a:lnTo>
                  <a:pt x="1576135" y="17033"/>
                </a:lnTo>
                <a:close/>
                <a:moveTo>
                  <a:pt x="0" y="17032"/>
                </a:moveTo>
                <a:lnTo>
                  <a:pt x="1321887" y="17032"/>
                </a:lnTo>
                <a:lnTo>
                  <a:pt x="1321887" y="996125"/>
                </a:lnTo>
                <a:lnTo>
                  <a:pt x="2276728" y="996125"/>
                </a:lnTo>
                <a:lnTo>
                  <a:pt x="2276728" y="2160187"/>
                </a:lnTo>
                <a:cubicBezTo>
                  <a:pt x="1979345" y="2161001"/>
                  <a:pt x="1738579" y="2402384"/>
                  <a:pt x="1738579" y="2700000"/>
                </a:cubicBezTo>
                <a:cubicBezTo>
                  <a:pt x="1738579" y="2997617"/>
                  <a:pt x="1979345" y="3238999"/>
                  <a:pt x="2276728" y="3239814"/>
                </a:cubicBezTo>
                <a:lnTo>
                  <a:pt x="2276728" y="3240000"/>
                </a:lnTo>
                <a:lnTo>
                  <a:pt x="0" y="3240000"/>
                </a:lnTo>
                <a:close/>
                <a:moveTo>
                  <a:pt x="1436085" y="0"/>
                </a:moveTo>
                <a:lnTo>
                  <a:pt x="2287664" y="888809"/>
                </a:lnTo>
                <a:lnTo>
                  <a:pt x="1436085" y="88880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2700"/>
          </a:p>
        </p:txBody>
      </p:sp>
    </p:spTree>
    <p:extLst>
      <p:ext uri="{BB962C8B-B14F-4D97-AF65-F5344CB8AC3E}">
        <p14:creationId xmlns:p14="http://schemas.microsoft.com/office/powerpoint/2010/main" val="132474914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75596B00-0CE2-44C6-9AC5-0B5BC6F6C4D9}"/>
              </a:ext>
            </a:extLst>
          </p:cNvPr>
          <p:cNvGrpSpPr/>
          <p:nvPr/>
        </p:nvGrpSpPr>
        <p:grpSpPr>
          <a:xfrm>
            <a:off x="3468549" y="2276475"/>
            <a:ext cx="5269188" cy="3419474"/>
            <a:chOff x="4655870" y="2637505"/>
            <a:chExt cx="2716484" cy="1217603"/>
          </a:xfrm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grpSpPr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5DF549E6-5337-42BD-9C5E-4FF911D21EC1}"/>
                </a:ext>
              </a:extLst>
            </p:cNvPr>
            <p:cNvGrpSpPr/>
            <p:nvPr/>
          </p:nvGrpSpPr>
          <p:grpSpPr>
            <a:xfrm>
              <a:off x="6233054" y="2743150"/>
              <a:ext cx="1139300" cy="952543"/>
              <a:chOff x="5133714" y="3583707"/>
              <a:chExt cx="474339" cy="396585"/>
            </a:xfrm>
          </p:grpSpPr>
          <p:cxnSp>
            <p:nvCxnSpPr>
              <p:cNvPr id="12" name="Connector: Elbow 11">
                <a:extLst>
                  <a:ext uri="{FF2B5EF4-FFF2-40B4-BE49-F238E27FC236}">
                    <a16:creationId xmlns:a16="http://schemas.microsoft.com/office/drawing/2014/main" id="{99FF6450-5DCF-4EA4-9ECD-5DECDA3BADBD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 flipH="1">
                <a:off x="5223467" y="3590067"/>
                <a:ext cx="291134" cy="278415"/>
              </a:xfrm>
              <a:prstGeom prst="bentConnector3">
                <a:avLst>
                  <a:gd name="adj1" fmla="val 98706"/>
                </a:avLst>
              </a:prstGeom>
              <a:ln w="38100">
                <a:solidFill>
                  <a:schemeClr val="bg1"/>
                </a:solidFill>
                <a:headEnd type="none"/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Connector: Elbow 12">
                <a:extLst>
                  <a:ext uri="{FF2B5EF4-FFF2-40B4-BE49-F238E27FC236}">
                    <a16:creationId xmlns:a16="http://schemas.microsoft.com/office/drawing/2014/main" id="{637BD6F9-CEA8-471A-B6D6-3D7D3748ACC4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 flipH="1">
                <a:off x="5172591" y="3544830"/>
                <a:ext cx="396585" cy="474339"/>
              </a:xfrm>
              <a:prstGeom prst="bentConnector3">
                <a:avLst>
                  <a:gd name="adj1" fmla="val 101319"/>
                </a:avLst>
              </a:prstGeom>
              <a:ln w="38100">
                <a:solidFill>
                  <a:schemeClr val="bg1"/>
                </a:solidFill>
                <a:headEnd type="none"/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3DC2EA36-2D13-4B3D-BFC3-A102F4DEB439}"/>
                </a:ext>
              </a:extLst>
            </p:cNvPr>
            <p:cNvCxnSpPr>
              <a:cxnSpLocks/>
            </p:cNvCxnSpPr>
            <p:nvPr/>
          </p:nvCxnSpPr>
          <p:spPr>
            <a:xfrm>
              <a:off x="6001025" y="2637505"/>
              <a:ext cx="13087" cy="1217603"/>
            </a:xfrm>
            <a:prstGeom prst="line">
              <a:avLst/>
            </a:prstGeom>
            <a:ln w="38100">
              <a:solidFill>
                <a:schemeClr val="bg1"/>
              </a:solidFill>
              <a:headEnd type="none"/>
              <a:tailEnd type="oval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11C99EAA-C1C3-4CCA-BEBA-AC2A865E88E4}"/>
                </a:ext>
              </a:extLst>
            </p:cNvPr>
            <p:cNvGrpSpPr/>
            <p:nvPr/>
          </p:nvGrpSpPr>
          <p:grpSpPr>
            <a:xfrm flipH="1">
              <a:off x="4655870" y="2743153"/>
              <a:ext cx="1159245" cy="952554"/>
              <a:chOff x="5125409" y="3583703"/>
              <a:chExt cx="482643" cy="396589"/>
            </a:xfrm>
          </p:grpSpPr>
          <p:cxnSp>
            <p:nvCxnSpPr>
              <p:cNvPr id="10" name="Connector: Elbow 9">
                <a:extLst>
                  <a:ext uri="{FF2B5EF4-FFF2-40B4-BE49-F238E27FC236}">
                    <a16:creationId xmlns:a16="http://schemas.microsoft.com/office/drawing/2014/main" id="{3275D676-AD17-49C5-9DEA-18E954D494CE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 flipH="1">
                <a:off x="5217648" y="3581177"/>
                <a:ext cx="291129" cy="296190"/>
              </a:xfrm>
              <a:prstGeom prst="bentConnector3">
                <a:avLst>
                  <a:gd name="adj1" fmla="val 100929"/>
                </a:avLst>
              </a:prstGeom>
              <a:ln w="38100">
                <a:solidFill>
                  <a:schemeClr val="bg1"/>
                </a:solidFill>
                <a:headEnd type="none"/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1" name="Connector: Elbow 10">
                <a:extLst>
                  <a:ext uri="{FF2B5EF4-FFF2-40B4-BE49-F238E27FC236}">
                    <a16:creationId xmlns:a16="http://schemas.microsoft.com/office/drawing/2014/main" id="{7437482D-2332-417F-9573-94FD96A7798B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 flipH="1">
                <a:off x="5168436" y="3540676"/>
                <a:ext cx="396589" cy="482643"/>
              </a:xfrm>
              <a:prstGeom prst="bentConnector3">
                <a:avLst>
                  <a:gd name="adj1" fmla="val 99215"/>
                </a:avLst>
              </a:prstGeom>
              <a:ln w="38100">
                <a:solidFill>
                  <a:schemeClr val="bg1"/>
                </a:solidFill>
                <a:headEnd type="none"/>
                <a:tailEnd type="oval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26" name="Rectangle 25">
            <a:extLst>
              <a:ext uri="{FF2B5EF4-FFF2-40B4-BE49-F238E27FC236}">
                <a16:creationId xmlns:a16="http://schemas.microsoft.com/office/drawing/2014/main" id="{F080A5CE-2A27-4A71-B160-441332CC772B}"/>
              </a:ext>
            </a:extLst>
          </p:cNvPr>
          <p:cNvSpPr/>
          <p:nvPr/>
        </p:nvSpPr>
        <p:spPr>
          <a:xfrm>
            <a:off x="-9524" y="2836196"/>
            <a:ext cx="12196762" cy="1360392"/>
          </a:xfrm>
          <a:prstGeom prst="rect">
            <a:avLst/>
          </a:prstGeom>
          <a:solidFill>
            <a:schemeClr val="accent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DB2FBFAD-318C-47E8-A82D-2EDEDE3F63EE}"/>
              </a:ext>
            </a:extLst>
          </p:cNvPr>
          <p:cNvSpPr/>
          <p:nvPr/>
        </p:nvSpPr>
        <p:spPr>
          <a:xfrm>
            <a:off x="-4762" y="2938634"/>
            <a:ext cx="12196762" cy="1155517"/>
          </a:xfrm>
          <a:prstGeom prst="rect">
            <a:avLst/>
          </a:prstGeom>
          <a:solidFill>
            <a:schemeClr val="accent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20C8F30-9C91-4D39-A29C-BCE4134E41E9}"/>
              </a:ext>
            </a:extLst>
          </p:cNvPr>
          <p:cNvSpPr txBox="1"/>
          <p:nvPr/>
        </p:nvSpPr>
        <p:spPr>
          <a:xfrm>
            <a:off x="-4762" y="2888660"/>
            <a:ext cx="12192000" cy="1015663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altLang="ko-KR" sz="6000" dirty="0">
                <a:solidFill>
                  <a:schemeClr val="bg1"/>
                </a:solidFill>
                <a:cs typeface="Arial" pitchFamily="34" charset="0"/>
              </a:rPr>
              <a:t>THANK YOU</a:t>
            </a:r>
            <a:endParaRPr lang="ko-KR" altLang="en-US" sz="6000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98CF959-4651-4C64-A08C-8F2BDE46A824}"/>
              </a:ext>
            </a:extLst>
          </p:cNvPr>
          <p:cNvSpPr txBox="1"/>
          <p:nvPr/>
        </p:nvSpPr>
        <p:spPr>
          <a:xfrm>
            <a:off x="4762" y="3714495"/>
            <a:ext cx="12191852" cy="37965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altLang="ko-KR" sz="1867" dirty="0">
                <a:solidFill>
                  <a:schemeClr val="bg1"/>
                </a:solidFill>
                <a:cs typeface="Arial" pitchFamily="34" charset="0"/>
              </a:rPr>
              <a:t>Four your kind attention!</a:t>
            </a:r>
            <a:endParaRPr lang="ko-KR" altLang="en-US" sz="1867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9" name="Freeform 13">
            <a:extLst>
              <a:ext uri="{FF2B5EF4-FFF2-40B4-BE49-F238E27FC236}">
                <a16:creationId xmlns:a16="http://schemas.microsoft.com/office/drawing/2014/main" id="{8237F776-235B-43B7-A208-7106E24CBAFE}"/>
              </a:ext>
            </a:extLst>
          </p:cNvPr>
          <p:cNvSpPr>
            <a:spLocks noChangeAspect="1"/>
          </p:cNvSpPr>
          <p:nvPr/>
        </p:nvSpPr>
        <p:spPr>
          <a:xfrm flipH="1">
            <a:off x="4878758" y="1367871"/>
            <a:ext cx="2434484" cy="1311656"/>
          </a:xfrm>
          <a:custGeom>
            <a:avLst/>
            <a:gdLst/>
            <a:ahLst/>
            <a:cxnLst/>
            <a:rect l="l" t="t" r="r" b="b"/>
            <a:pathLst>
              <a:path w="1872168" h="1008693">
                <a:moveTo>
                  <a:pt x="699542" y="162"/>
                </a:moveTo>
                <a:cubicBezTo>
                  <a:pt x="683169" y="534"/>
                  <a:pt x="666273" y="1556"/>
                  <a:pt x="648845" y="3291"/>
                </a:cubicBezTo>
                <a:cubicBezTo>
                  <a:pt x="357120" y="49686"/>
                  <a:pt x="273885" y="284789"/>
                  <a:pt x="274981" y="413694"/>
                </a:cubicBezTo>
                <a:cubicBezTo>
                  <a:pt x="4451" y="471904"/>
                  <a:pt x="-11347" y="662854"/>
                  <a:pt x="4101" y="753457"/>
                </a:cubicBezTo>
                <a:cubicBezTo>
                  <a:pt x="42383" y="946818"/>
                  <a:pt x="296257" y="1004273"/>
                  <a:pt x="384912" y="1005378"/>
                </a:cubicBezTo>
                <a:lnTo>
                  <a:pt x="1507196" y="1008693"/>
                </a:lnTo>
                <a:cubicBezTo>
                  <a:pt x="1646895" y="1000406"/>
                  <a:pt x="1746295" y="947371"/>
                  <a:pt x="1825546" y="854557"/>
                </a:cubicBezTo>
                <a:cubicBezTo>
                  <a:pt x="1897410" y="760086"/>
                  <a:pt x="1873973" y="626012"/>
                  <a:pt x="1836613" y="558208"/>
                </a:cubicBezTo>
                <a:cubicBezTo>
                  <a:pt x="1808089" y="509360"/>
                  <a:pt x="1675919" y="402617"/>
                  <a:pt x="1507617" y="430504"/>
                </a:cubicBezTo>
                <a:cubicBezTo>
                  <a:pt x="1525469" y="335682"/>
                  <a:pt x="1477961" y="244522"/>
                  <a:pt x="1398003" y="206286"/>
                </a:cubicBezTo>
                <a:cubicBezTo>
                  <a:pt x="1299806" y="153261"/>
                  <a:pt x="1182195" y="177294"/>
                  <a:pt x="1108176" y="215068"/>
                </a:cubicBezTo>
                <a:cubicBezTo>
                  <a:pt x="1072916" y="135306"/>
                  <a:pt x="945134" y="-5422"/>
                  <a:pt x="699542" y="162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270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21034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22EACE2C-F0BB-4B26-BDA0-E1B66FC049A7}"/>
              </a:ext>
            </a:extLst>
          </p:cNvPr>
          <p:cNvSpPr txBox="1"/>
          <p:nvPr/>
        </p:nvSpPr>
        <p:spPr>
          <a:xfrm>
            <a:off x="6848475" y="3037886"/>
            <a:ext cx="5221991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altLang="ko-KR" sz="3600" b="1" dirty="0">
                <a:solidFill>
                  <a:schemeClr val="bg1"/>
                </a:solidFill>
                <a:latin typeface="+mj-lt"/>
                <a:cs typeface="Arial" pitchFamily="34" charset="0"/>
              </a:rPr>
              <a:t>01 Project Background</a:t>
            </a:r>
            <a:endParaRPr lang="ko-KR" altLang="en-US" sz="3600" b="1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1630282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l="-7000" r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Rectangle 36">
            <a:extLst>
              <a:ext uri="{FF2B5EF4-FFF2-40B4-BE49-F238E27FC236}">
                <a16:creationId xmlns:a16="http://schemas.microsoft.com/office/drawing/2014/main" id="{5168FC88-6BD0-4F20-8A0F-D671A12EDBEA}"/>
              </a:ext>
            </a:extLst>
          </p:cNvPr>
          <p:cNvSpPr/>
          <p:nvPr/>
        </p:nvSpPr>
        <p:spPr>
          <a:xfrm>
            <a:off x="226423" y="330112"/>
            <a:ext cx="11765280" cy="6314528"/>
          </a:xfrm>
          <a:prstGeom prst="rect">
            <a:avLst/>
          </a:prstGeom>
          <a:solidFill>
            <a:schemeClr val="tx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Arrow: Up 10">
            <a:extLst>
              <a:ext uri="{FF2B5EF4-FFF2-40B4-BE49-F238E27FC236}">
                <a16:creationId xmlns:a16="http://schemas.microsoft.com/office/drawing/2014/main" id="{C56C1B7C-E68E-40AD-90C6-F08CEDAD2873}"/>
              </a:ext>
            </a:extLst>
          </p:cNvPr>
          <p:cNvSpPr/>
          <p:nvPr/>
        </p:nvSpPr>
        <p:spPr>
          <a:xfrm>
            <a:off x="361951" y="2597826"/>
            <a:ext cx="4593226" cy="4298274"/>
          </a:xfrm>
          <a:prstGeom prst="upArrow">
            <a:avLst>
              <a:gd name="adj1" fmla="val 50000"/>
              <a:gd name="adj2" fmla="val 41648"/>
            </a:avLst>
          </a:prstGeom>
          <a:solidFill>
            <a:schemeClr val="bg1">
              <a:alpha val="7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74363E0-0520-47FF-A163-EB36D366CD2C}"/>
              </a:ext>
            </a:extLst>
          </p:cNvPr>
          <p:cNvSpPr txBox="1"/>
          <p:nvPr/>
        </p:nvSpPr>
        <p:spPr>
          <a:xfrm>
            <a:off x="1458065" y="3405169"/>
            <a:ext cx="255583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4000" b="1" dirty="0">
                <a:solidFill>
                  <a:schemeClr val="accent2"/>
                </a:solidFill>
                <a:cs typeface="Arial" pitchFamily="34" charset="0"/>
              </a:rPr>
              <a:t>2500 km</a:t>
            </a:r>
            <a:r>
              <a:rPr lang="en-US" altLang="ko-KR" sz="4000" b="1" baseline="30000" dirty="0">
                <a:solidFill>
                  <a:schemeClr val="accent2"/>
                </a:solidFill>
                <a:cs typeface="Arial" pitchFamily="34" charset="0"/>
              </a:rPr>
              <a:t>2</a:t>
            </a:r>
            <a:endParaRPr lang="ko-KR" altLang="en-US" sz="4000" b="1" baseline="30000" dirty="0">
              <a:solidFill>
                <a:schemeClr val="accent2"/>
              </a:solidFill>
              <a:cs typeface="Arial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7BB263E-C76B-4457-84F4-0094F29276F1}"/>
              </a:ext>
            </a:extLst>
          </p:cNvPr>
          <p:cNvSpPr txBox="1"/>
          <p:nvPr/>
        </p:nvSpPr>
        <p:spPr>
          <a:xfrm>
            <a:off x="752767" y="1495919"/>
            <a:ext cx="386186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altLang="ko-KR" sz="7200" b="1" dirty="0">
                <a:solidFill>
                  <a:schemeClr val="bg1"/>
                </a:solidFill>
                <a:cs typeface="Arial" pitchFamily="34" charset="0"/>
              </a:rPr>
              <a:t>12,545</a:t>
            </a:r>
            <a:endParaRPr lang="ko-KR" altLang="en-US" sz="7200" b="1" dirty="0">
              <a:solidFill>
                <a:schemeClr val="bg1"/>
              </a:solidFill>
              <a:cs typeface="Arial" pitchFamily="34" charset="0"/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E4F668AF-5C44-4824-939C-C7D9C00C0EBA}"/>
              </a:ext>
            </a:extLst>
          </p:cNvPr>
          <p:cNvGrpSpPr/>
          <p:nvPr/>
        </p:nvGrpSpPr>
        <p:grpSpPr>
          <a:xfrm>
            <a:off x="1502341" y="4174491"/>
            <a:ext cx="2312445" cy="1270532"/>
            <a:chOff x="-548507" y="477868"/>
            <a:chExt cx="11570449" cy="6357177"/>
          </a:xfrm>
        </p:grpSpPr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6D9B67A0-59A0-4BB8-91CD-CBF713EDE34A}"/>
                </a:ext>
              </a:extLst>
            </p:cNvPr>
            <p:cNvSpPr/>
            <p:nvPr/>
          </p:nvSpPr>
          <p:spPr>
            <a:xfrm>
              <a:off x="-482765" y="6440599"/>
              <a:ext cx="11438966" cy="394446"/>
            </a:xfrm>
            <a:custGeom>
              <a:avLst/>
              <a:gdLst>
                <a:gd name="connsiteX0" fmla="*/ 1605439 w 1657350"/>
                <a:gd name="connsiteY0" fmla="*/ 54769 h 57150"/>
                <a:gd name="connsiteX1" fmla="*/ 1652111 w 1657350"/>
                <a:gd name="connsiteY1" fmla="*/ 22384 h 57150"/>
                <a:gd name="connsiteX2" fmla="*/ 1652111 w 1657350"/>
                <a:gd name="connsiteY2" fmla="*/ 22384 h 57150"/>
                <a:gd name="connsiteX3" fmla="*/ 1636871 w 1657350"/>
                <a:gd name="connsiteY3" fmla="*/ 7144 h 57150"/>
                <a:gd name="connsiteX4" fmla="*/ 44291 w 1657350"/>
                <a:gd name="connsiteY4" fmla="*/ 12859 h 57150"/>
                <a:gd name="connsiteX5" fmla="*/ 23336 w 1657350"/>
                <a:gd name="connsiteY5" fmla="*/ 12859 h 57150"/>
                <a:gd name="connsiteX6" fmla="*/ 7144 w 1657350"/>
                <a:gd name="connsiteY6" fmla="*/ 26194 h 57150"/>
                <a:gd name="connsiteX7" fmla="*/ 7144 w 1657350"/>
                <a:gd name="connsiteY7" fmla="*/ 26194 h 57150"/>
                <a:gd name="connsiteX8" fmla="*/ 50959 w 1657350"/>
                <a:gd name="connsiteY8" fmla="*/ 53816 h 57150"/>
                <a:gd name="connsiteX9" fmla="*/ 51911 w 1657350"/>
                <a:gd name="connsiteY9" fmla="*/ 54769 h 57150"/>
                <a:gd name="connsiteX10" fmla="*/ 51911 w 1657350"/>
                <a:gd name="connsiteY10" fmla="*/ 54769 h 57150"/>
                <a:gd name="connsiteX11" fmla="*/ 56674 w 1657350"/>
                <a:gd name="connsiteY11" fmla="*/ 54769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657350" h="57150">
                  <a:moveTo>
                    <a:pt x="1605439" y="54769"/>
                  </a:moveTo>
                  <a:cubicBezTo>
                    <a:pt x="1605439" y="54769"/>
                    <a:pt x="1638776" y="50959"/>
                    <a:pt x="1652111" y="22384"/>
                  </a:cubicBezTo>
                  <a:lnTo>
                    <a:pt x="1652111" y="22384"/>
                  </a:lnTo>
                  <a:cubicBezTo>
                    <a:pt x="1652111" y="13811"/>
                    <a:pt x="1645444" y="7144"/>
                    <a:pt x="1636871" y="7144"/>
                  </a:cubicBezTo>
                  <a:lnTo>
                    <a:pt x="44291" y="12859"/>
                  </a:lnTo>
                  <a:lnTo>
                    <a:pt x="23336" y="12859"/>
                  </a:lnTo>
                  <a:cubicBezTo>
                    <a:pt x="14764" y="12859"/>
                    <a:pt x="7144" y="18574"/>
                    <a:pt x="7144" y="26194"/>
                  </a:cubicBezTo>
                  <a:lnTo>
                    <a:pt x="7144" y="26194"/>
                  </a:lnTo>
                  <a:cubicBezTo>
                    <a:pt x="17621" y="45244"/>
                    <a:pt x="40481" y="51911"/>
                    <a:pt x="50959" y="53816"/>
                  </a:cubicBezTo>
                  <a:lnTo>
                    <a:pt x="51911" y="54769"/>
                  </a:lnTo>
                  <a:cubicBezTo>
                    <a:pt x="51911" y="54769"/>
                    <a:pt x="51911" y="54769"/>
                    <a:pt x="51911" y="54769"/>
                  </a:cubicBezTo>
                  <a:lnTo>
                    <a:pt x="56674" y="54769"/>
                  </a:lnTo>
                </a:path>
              </a:pathLst>
            </a:custGeom>
            <a:solidFill>
              <a:srgbClr val="5F6767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F1E70C7A-DCE5-4643-9D83-6A772396E7B9}"/>
                </a:ext>
              </a:extLst>
            </p:cNvPr>
            <p:cNvSpPr/>
            <p:nvPr/>
          </p:nvSpPr>
          <p:spPr>
            <a:xfrm>
              <a:off x="700575" y="477868"/>
              <a:ext cx="9072285" cy="5916709"/>
            </a:xfrm>
            <a:custGeom>
              <a:avLst/>
              <a:gdLst>
                <a:gd name="connsiteX0" fmla="*/ 1311116 w 1314450"/>
                <a:gd name="connsiteY0" fmla="*/ 813911 h 857250"/>
                <a:gd name="connsiteX1" fmla="*/ 1281589 w 1314450"/>
                <a:gd name="connsiteY1" fmla="*/ 852964 h 857250"/>
                <a:gd name="connsiteX2" fmla="*/ 36671 w 1314450"/>
                <a:gd name="connsiteY2" fmla="*/ 852964 h 857250"/>
                <a:gd name="connsiteX3" fmla="*/ 7144 w 1314450"/>
                <a:gd name="connsiteY3" fmla="*/ 813911 h 857250"/>
                <a:gd name="connsiteX4" fmla="*/ 7144 w 1314450"/>
                <a:gd name="connsiteY4" fmla="*/ 46196 h 857250"/>
                <a:gd name="connsiteX5" fmla="*/ 36671 w 1314450"/>
                <a:gd name="connsiteY5" fmla="*/ 7144 h 857250"/>
                <a:gd name="connsiteX6" fmla="*/ 1281589 w 1314450"/>
                <a:gd name="connsiteY6" fmla="*/ 7144 h 857250"/>
                <a:gd name="connsiteX7" fmla="*/ 1311116 w 1314450"/>
                <a:gd name="connsiteY7" fmla="*/ 46196 h 857250"/>
                <a:gd name="connsiteX8" fmla="*/ 1311116 w 1314450"/>
                <a:gd name="connsiteY8" fmla="*/ 813911 h 857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314450" h="857250">
                  <a:moveTo>
                    <a:pt x="1311116" y="813911"/>
                  </a:moveTo>
                  <a:cubicBezTo>
                    <a:pt x="1311116" y="834866"/>
                    <a:pt x="1297781" y="852964"/>
                    <a:pt x="1281589" y="852964"/>
                  </a:cubicBezTo>
                  <a:lnTo>
                    <a:pt x="36671" y="852964"/>
                  </a:lnTo>
                  <a:cubicBezTo>
                    <a:pt x="20479" y="852964"/>
                    <a:pt x="7144" y="835819"/>
                    <a:pt x="7144" y="813911"/>
                  </a:cubicBezTo>
                  <a:lnTo>
                    <a:pt x="7144" y="46196"/>
                  </a:lnTo>
                  <a:cubicBezTo>
                    <a:pt x="7144" y="25241"/>
                    <a:pt x="20479" y="7144"/>
                    <a:pt x="36671" y="7144"/>
                  </a:cubicBezTo>
                  <a:lnTo>
                    <a:pt x="1281589" y="7144"/>
                  </a:lnTo>
                  <a:cubicBezTo>
                    <a:pt x="1297781" y="7144"/>
                    <a:pt x="1311116" y="24289"/>
                    <a:pt x="1311116" y="46196"/>
                  </a:cubicBezTo>
                  <a:lnTo>
                    <a:pt x="1311116" y="813911"/>
                  </a:lnTo>
                  <a:close/>
                </a:path>
              </a:pathLst>
            </a:custGeom>
            <a:solidFill>
              <a:srgbClr val="00000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08B3C22A-6AF4-4906-9B0F-03FED8264ECD}"/>
                </a:ext>
              </a:extLst>
            </p:cNvPr>
            <p:cNvSpPr/>
            <p:nvPr/>
          </p:nvSpPr>
          <p:spPr>
            <a:xfrm>
              <a:off x="1088452" y="839450"/>
              <a:ext cx="8283388" cy="5062072"/>
            </a:xfrm>
            <a:custGeom>
              <a:avLst/>
              <a:gdLst>
                <a:gd name="connsiteX0" fmla="*/ 7144 w 1200150"/>
                <a:gd name="connsiteY0" fmla="*/ 7144 h 733425"/>
                <a:gd name="connsiteX1" fmla="*/ 1196816 w 1200150"/>
                <a:gd name="connsiteY1" fmla="*/ 7144 h 733425"/>
                <a:gd name="connsiteX2" fmla="*/ 1196816 w 1200150"/>
                <a:gd name="connsiteY2" fmla="*/ 730091 h 733425"/>
                <a:gd name="connsiteX3" fmla="*/ 7144 w 1200150"/>
                <a:gd name="connsiteY3" fmla="*/ 730091 h 7334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00150" h="733425">
                  <a:moveTo>
                    <a:pt x="7144" y="7144"/>
                  </a:moveTo>
                  <a:lnTo>
                    <a:pt x="1196816" y="7144"/>
                  </a:lnTo>
                  <a:lnTo>
                    <a:pt x="1196816" y="730091"/>
                  </a:lnTo>
                  <a:lnTo>
                    <a:pt x="7144" y="730091"/>
                  </a:lnTo>
                  <a:close/>
                </a:path>
              </a:pathLst>
            </a:custGeom>
            <a:solidFill>
              <a:srgbClr val="F2F2F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C196002F-55E8-47C1-A1D5-C8F07AA15280}"/>
                </a:ext>
              </a:extLst>
            </p:cNvPr>
            <p:cNvSpPr/>
            <p:nvPr/>
          </p:nvSpPr>
          <p:spPr>
            <a:xfrm>
              <a:off x="-548507" y="6164484"/>
              <a:ext cx="11570449" cy="460187"/>
            </a:xfrm>
            <a:custGeom>
              <a:avLst/>
              <a:gdLst>
                <a:gd name="connsiteX0" fmla="*/ 50006 w 1676400"/>
                <a:gd name="connsiteY0" fmla="*/ 7144 h 66675"/>
                <a:gd name="connsiteX1" fmla="*/ 1630204 w 1676400"/>
                <a:gd name="connsiteY1" fmla="*/ 7144 h 66675"/>
                <a:gd name="connsiteX2" fmla="*/ 1672114 w 1676400"/>
                <a:gd name="connsiteY2" fmla="*/ 49054 h 66675"/>
                <a:gd name="connsiteX3" fmla="*/ 1672114 w 1676400"/>
                <a:gd name="connsiteY3" fmla="*/ 57626 h 66675"/>
                <a:gd name="connsiteX4" fmla="*/ 1656874 w 1676400"/>
                <a:gd name="connsiteY4" fmla="*/ 62389 h 66675"/>
                <a:gd name="connsiteX5" fmla="*/ 1654016 w 1676400"/>
                <a:gd name="connsiteY5" fmla="*/ 62389 h 66675"/>
                <a:gd name="connsiteX6" fmla="*/ 29051 w 1676400"/>
                <a:gd name="connsiteY6" fmla="*/ 62389 h 66675"/>
                <a:gd name="connsiteX7" fmla="*/ 21431 w 1676400"/>
                <a:gd name="connsiteY7" fmla="*/ 63341 h 66675"/>
                <a:gd name="connsiteX8" fmla="*/ 7144 w 1676400"/>
                <a:gd name="connsiteY8" fmla="*/ 55721 h 66675"/>
                <a:gd name="connsiteX9" fmla="*/ 7144 w 1676400"/>
                <a:gd name="connsiteY9" fmla="*/ 48101 h 66675"/>
                <a:gd name="connsiteX10" fmla="*/ 50006 w 1676400"/>
                <a:gd name="connsiteY10" fmla="*/ 7144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676400" h="66675">
                  <a:moveTo>
                    <a:pt x="50006" y="7144"/>
                  </a:moveTo>
                  <a:lnTo>
                    <a:pt x="1630204" y="7144"/>
                  </a:lnTo>
                  <a:cubicBezTo>
                    <a:pt x="1653064" y="7144"/>
                    <a:pt x="1672114" y="26194"/>
                    <a:pt x="1672114" y="49054"/>
                  </a:cubicBezTo>
                  <a:lnTo>
                    <a:pt x="1672114" y="57626"/>
                  </a:lnTo>
                  <a:cubicBezTo>
                    <a:pt x="1672114" y="57626"/>
                    <a:pt x="1674019" y="64294"/>
                    <a:pt x="1656874" y="62389"/>
                  </a:cubicBezTo>
                  <a:cubicBezTo>
                    <a:pt x="1655921" y="62389"/>
                    <a:pt x="1654969" y="62389"/>
                    <a:pt x="1654016" y="62389"/>
                  </a:cubicBezTo>
                  <a:lnTo>
                    <a:pt x="29051" y="62389"/>
                  </a:lnTo>
                  <a:cubicBezTo>
                    <a:pt x="26194" y="62389"/>
                    <a:pt x="24289" y="62389"/>
                    <a:pt x="21431" y="63341"/>
                  </a:cubicBezTo>
                  <a:cubicBezTo>
                    <a:pt x="16669" y="64294"/>
                    <a:pt x="8096" y="64294"/>
                    <a:pt x="7144" y="55721"/>
                  </a:cubicBezTo>
                  <a:lnTo>
                    <a:pt x="7144" y="48101"/>
                  </a:lnTo>
                  <a:cubicBezTo>
                    <a:pt x="8096" y="25241"/>
                    <a:pt x="26194" y="7144"/>
                    <a:pt x="50006" y="7144"/>
                  </a:cubicBezTo>
                  <a:close/>
                </a:path>
              </a:pathLst>
            </a:custGeom>
            <a:solidFill>
              <a:srgbClr val="CCCCCC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85CED65A-B580-4DBA-ABDF-B33DEA3BB98F}"/>
                </a:ext>
              </a:extLst>
            </p:cNvPr>
            <p:cNvSpPr/>
            <p:nvPr/>
          </p:nvSpPr>
          <p:spPr>
            <a:xfrm>
              <a:off x="4438629" y="6215033"/>
              <a:ext cx="1618413" cy="184076"/>
            </a:xfrm>
            <a:custGeom>
              <a:avLst/>
              <a:gdLst>
                <a:gd name="connsiteX0" fmla="*/ 1478513 w 1618413"/>
                <a:gd name="connsiteY0" fmla="*/ 177499 h 184076"/>
                <a:gd name="connsiteX1" fmla="*/ 1485084 w 1618413"/>
                <a:gd name="connsiteY1" fmla="*/ 177499 h 184076"/>
                <a:gd name="connsiteX2" fmla="*/ 1502686 w 1618413"/>
                <a:gd name="connsiteY2" fmla="*/ 178122 h 184076"/>
                <a:gd name="connsiteX3" fmla="*/ 1499879 w 1618413"/>
                <a:gd name="connsiteY3" fmla="*/ 178526 h 184076"/>
                <a:gd name="connsiteX4" fmla="*/ 1478513 w 1618413"/>
                <a:gd name="connsiteY4" fmla="*/ 177499 h 184076"/>
                <a:gd name="connsiteX5" fmla="*/ 84799 w 1618413"/>
                <a:gd name="connsiteY5" fmla="*/ 170928 h 184076"/>
                <a:gd name="connsiteX6" fmla="*/ 117666 w 1618413"/>
                <a:gd name="connsiteY6" fmla="*/ 177499 h 184076"/>
                <a:gd name="connsiteX7" fmla="*/ 104518 w 1618413"/>
                <a:gd name="connsiteY7" fmla="*/ 177499 h 184076"/>
                <a:gd name="connsiteX8" fmla="*/ 84799 w 1618413"/>
                <a:gd name="connsiteY8" fmla="*/ 170928 h 184076"/>
                <a:gd name="connsiteX9" fmla="*/ 1603418 w 1618413"/>
                <a:gd name="connsiteY9" fmla="*/ 0 h 184076"/>
                <a:gd name="connsiteX10" fmla="*/ 1616567 w 1618413"/>
                <a:gd name="connsiteY10" fmla="*/ 0 h 184076"/>
                <a:gd name="connsiteX11" fmla="*/ 1511177 w 1618413"/>
                <a:gd name="connsiteY11" fmla="*/ 178423 h 184076"/>
                <a:gd name="connsiteX12" fmla="*/ 1502686 w 1618413"/>
                <a:gd name="connsiteY12" fmla="*/ 178122 h 184076"/>
                <a:gd name="connsiteX13" fmla="*/ 1521501 w 1618413"/>
                <a:gd name="connsiteY13" fmla="*/ 175419 h 184076"/>
                <a:gd name="connsiteX14" fmla="*/ 1603418 w 1618413"/>
                <a:gd name="connsiteY14" fmla="*/ 6571 h 184076"/>
                <a:gd name="connsiteX15" fmla="*/ 5911 w 1618413"/>
                <a:gd name="connsiteY15" fmla="*/ 0 h 184076"/>
                <a:gd name="connsiteX16" fmla="*/ 19060 w 1618413"/>
                <a:gd name="connsiteY16" fmla="*/ 6571 h 184076"/>
                <a:gd name="connsiteX17" fmla="*/ 91379 w 1618413"/>
                <a:gd name="connsiteY17" fmla="*/ 184076 h 184076"/>
                <a:gd name="connsiteX18" fmla="*/ 5911 w 1618413"/>
                <a:gd name="connsiteY18" fmla="*/ 0 h 184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618413" h="184076">
                  <a:moveTo>
                    <a:pt x="1478513" y="177499"/>
                  </a:moveTo>
                  <a:lnTo>
                    <a:pt x="1485084" y="177499"/>
                  </a:lnTo>
                  <a:lnTo>
                    <a:pt x="1502686" y="178122"/>
                  </a:lnTo>
                  <a:lnTo>
                    <a:pt x="1499879" y="178526"/>
                  </a:lnTo>
                  <a:cubicBezTo>
                    <a:pt x="1487142" y="179142"/>
                    <a:pt x="1478513" y="177499"/>
                    <a:pt x="1478513" y="177499"/>
                  </a:cubicBezTo>
                  <a:close/>
                  <a:moveTo>
                    <a:pt x="84799" y="170928"/>
                  </a:moveTo>
                  <a:cubicBezTo>
                    <a:pt x="97947" y="177499"/>
                    <a:pt x="104518" y="177499"/>
                    <a:pt x="117666" y="177499"/>
                  </a:cubicBezTo>
                  <a:lnTo>
                    <a:pt x="104518" y="177499"/>
                  </a:lnTo>
                  <a:cubicBezTo>
                    <a:pt x="97947" y="177499"/>
                    <a:pt x="91370" y="177499"/>
                    <a:pt x="84799" y="170928"/>
                  </a:cubicBezTo>
                  <a:close/>
                  <a:moveTo>
                    <a:pt x="1603418" y="0"/>
                  </a:moveTo>
                  <a:lnTo>
                    <a:pt x="1616567" y="0"/>
                  </a:lnTo>
                  <a:cubicBezTo>
                    <a:pt x="1631361" y="152847"/>
                    <a:pt x="1553705" y="176266"/>
                    <a:pt x="1511177" y="178423"/>
                  </a:cubicBezTo>
                  <a:lnTo>
                    <a:pt x="1502686" y="178122"/>
                  </a:lnTo>
                  <a:lnTo>
                    <a:pt x="1521501" y="175419"/>
                  </a:lnTo>
                  <a:cubicBezTo>
                    <a:pt x="1560791" y="165788"/>
                    <a:pt x="1611636" y="129836"/>
                    <a:pt x="1603418" y="6571"/>
                  </a:cubicBezTo>
                  <a:close/>
                  <a:moveTo>
                    <a:pt x="5911" y="0"/>
                  </a:moveTo>
                  <a:lnTo>
                    <a:pt x="19060" y="6571"/>
                  </a:lnTo>
                  <a:cubicBezTo>
                    <a:pt x="19060" y="6571"/>
                    <a:pt x="-20385" y="144631"/>
                    <a:pt x="91379" y="184076"/>
                  </a:cubicBezTo>
                  <a:cubicBezTo>
                    <a:pt x="-33534" y="151202"/>
                    <a:pt x="5911" y="0"/>
                    <a:pt x="5911" y="0"/>
                  </a:cubicBezTo>
                  <a:close/>
                </a:path>
              </a:pathLst>
            </a:custGeom>
            <a:solidFill>
              <a:srgbClr val="4D4D4D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BE576AA0-A828-4AB9-9469-3468BF543659}"/>
                </a:ext>
              </a:extLst>
            </p:cNvPr>
            <p:cNvGrpSpPr/>
            <p:nvPr/>
          </p:nvGrpSpPr>
          <p:grpSpPr>
            <a:xfrm>
              <a:off x="1606" y="6382978"/>
              <a:ext cx="413937" cy="115242"/>
              <a:chOff x="5955" y="6353672"/>
              <a:chExt cx="413937" cy="115242"/>
            </a:xfrm>
          </p:grpSpPr>
          <p:sp>
            <p:nvSpPr>
              <p:cNvPr id="25" name="Rectangle: Rounded Corners 24">
                <a:extLst>
                  <a:ext uri="{FF2B5EF4-FFF2-40B4-BE49-F238E27FC236}">
                    <a16:creationId xmlns:a16="http://schemas.microsoft.com/office/drawing/2014/main" id="{D7208111-1E06-4D17-A18D-133F6B7AD432}"/>
                  </a:ext>
                </a:extLst>
              </p:cNvPr>
              <p:cNvSpPr/>
              <p:nvPr/>
            </p:nvSpPr>
            <p:spPr>
              <a:xfrm>
                <a:off x="5955" y="6353672"/>
                <a:ext cx="413937" cy="115242"/>
              </a:xfrm>
              <a:prstGeom prst="roundRect">
                <a:avLst>
                  <a:gd name="adj" fmla="val 28154"/>
                </a:avLst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CD422425-6960-4B4B-99A3-763864F69166}"/>
                  </a:ext>
                </a:extLst>
              </p:cNvPr>
              <p:cNvSpPr/>
              <p:nvPr/>
            </p:nvSpPr>
            <p:spPr>
              <a:xfrm>
                <a:off x="99417" y="6382279"/>
                <a:ext cx="227012" cy="55272"/>
              </a:xfrm>
              <a:prstGeom prst="roundRect">
                <a:avLst>
                  <a:gd name="adj" fmla="val 28154"/>
                </a:avLst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89577889-15FD-4760-8A72-837E78580F07}"/>
                </a:ext>
              </a:extLst>
            </p:cNvPr>
            <p:cNvGrpSpPr/>
            <p:nvPr/>
          </p:nvGrpSpPr>
          <p:grpSpPr>
            <a:xfrm>
              <a:off x="9855291" y="6381600"/>
              <a:ext cx="885989" cy="115242"/>
              <a:chOff x="5955" y="6353672"/>
              <a:chExt cx="413937" cy="115242"/>
            </a:xfrm>
          </p:grpSpPr>
          <p:sp>
            <p:nvSpPr>
              <p:cNvPr id="23" name="Rectangle: Rounded Corners 22">
                <a:extLst>
                  <a:ext uri="{FF2B5EF4-FFF2-40B4-BE49-F238E27FC236}">
                    <a16:creationId xmlns:a16="http://schemas.microsoft.com/office/drawing/2014/main" id="{7A2BD1E6-CEE5-4E53-BCC9-C45130A30868}"/>
                  </a:ext>
                </a:extLst>
              </p:cNvPr>
              <p:cNvSpPr/>
              <p:nvPr/>
            </p:nvSpPr>
            <p:spPr>
              <a:xfrm>
                <a:off x="5955" y="6353672"/>
                <a:ext cx="413937" cy="115242"/>
              </a:xfrm>
              <a:prstGeom prst="roundRect">
                <a:avLst>
                  <a:gd name="adj" fmla="val 28154"/>
                </a:avLst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4" name="Rectangle: Rounded Corners 23">
                <a:extLst>
                  <a:ext uri="{FF2B5EF4-FFF2-40B4-BE49-F238E27FC236}">
                    <a16:creationId xmlns:a16="http://schemas.microsoft.com/office/drawing/2014/main" id="{22ECD51F-6B4C-42C5-9347-0D8DCE5B041A}"/>
                  </a:ext>
                </a:extLst>
              </p:cNvPr>
              <p:cNvSpPr/>
              <p:nvPr/>
            </p:nvSpPr>
            <p:spPr>
              <a:xfrm>
                <a:off x="84761" y="6382279"/>
                <a:ext cx="256326" cy="55272"/>
              </a:xfrm>
              <a:prstGeom prst="roundRect">
                <a:avLst>
                  <a:gd name="adj" fmla="val 28154"/>
                </a:avLst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7DD64C93-43D5-4F81-A571-B29D14700FB1}"/>
                </a:ext>
              </a:extLst>
            </p:cNvPr>
            <p:cNvSpPr/>
            <p:nvPr/>
          </p:nvSpPr>
          <p:spPr>
            <a:xfrm>
              <a:off x="3892805" y="496953"/>
              <a:ext cx="5479036" cy="5431217"/>
            </a:xfrm>
            <a:custGeom>
              <a:avLst/>
              <a:gdLst>
                <a:gd name="connsiteX0" fmla="*/ 2567127 w 4009217"/>
                <a:gd name="connsiteY0" fmla="*/ 30683 h 4295590"/>
                <a:gd name="connsiteX1" fmla="*/ 3798529 w 4009217"/>
                <a:gd name="connsiteY1" fmla="*/ 30683 h 4295590"/>
                <a:gd name="connsiteX2" fmla="*/ 4007172 w 4009217"/>
                <a:gd name="connsiteY2" fmla="*/ 272054 h 4295590"/>
                <a:gd name="connsiteX3" fmla="*/ 3998990 w 4009217"/>
                <a:gd name="connsiteY3" fmla="*/ 4268999 h 4295590"/>
                <a:gd name="connsiteX4" fmla="*/ 30683 w 4009217"/>
                <a:gd name="connsiteY4" fmla="*/ 4268999 h 4295590"/>
                <a:gd name="connsiteX0" fmla="*/ 2536444 w 3976489"/>
                <a:gd name="connsiteY0" fmla="*/ 0 h 4238316"/>
                <a:gd name="connsiteX1" fmla="*/ 3976489 w 3976489"/>
                <a:gd name="connsiteY1" fmla="*/ 241371 h 4238316"/>
                <a:gd name="connsiteX2" fmla="*/ 3968307 w 3976489"/>
                <a:gd name="connsiteY2" fmla="*/ 4238316 h 4238316"/>
                <a:gd name="connsiteX3" fmla="*/ 0 w 3976489"/>
                <a:gd name="connsiteY3" fmla="*/ 4238316 h 4238316"/>
                <a:gd name="connsiteX0" fmla="*/ 2536444 w 3976489"/>
                <a:gd name="connsiteY0" fmla="*/ 0 h 4238316"/>
                <a:gd name="connsiteX1" fmla="*/ 3976489 w 3976489"/>
                <a:gd name="connsiteY1" fmla="*/ 213683 h 4238316"/>
                <a:gd name="connsiteX2" fmla="*/ 3968307 w 3976489"/>
                <a:gd name="connsiteY2" fmla="*/ 4238316 h 4238316"/>
                <a:gd name="connsiteX3" fmla="*/ 0 w 3976489"/>
                <a:gd name="connsiteY3" fmla="*/ 4238316 h 4238316"/>
                <a:gd name="connsiteX0" fmla="*/ 2473335 w 3976489"/>
                <a:gd name="connsiteY0" fmla="*/ 0 h 4035268"/>
                <a:gd name="connsiteX1" fmla="*/ 3976489 w 3976489"/>
                <a:gd name="connsiteY1" fmla="*/ 10635 h 4035268"/>
                <a:gd name="connsiteX2" fmla="*/ 3968307 w 3976489"/>
                <a:gd name="connsiteY2" fmla="*/ 4035268 h 4035268"/>
                <a:gd name="connsiteX3" fmla="*/ 0 w 3976489"/>
                <a:gd name="connsiteY3" fmla="*/ 4035268 h 40352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976489" h="4035268">
                  <a:moveTo>
                    <a:pt x="2473335" y="0"/>
                  </a:moveTo>
                  <a:lnTo>
                    <a:pt x="3976489" y="10635"/>
                  </a:lnTo>
                  <a:cubicBezTo>
                    <a:pt x="3973762" y="1342950"/>
                    <a:pt x="3971034" y="2702953"/>
                    <a:pt x="3968307" y="4035268"/>
                  </a:cubicBezTo>
                  <a:lnTo>
                    <a:pt x="0" y="4035268"/>
                  </a:lnTo>
                </a:path>
              </a:pathLst>
            </a:custGeom>
            <a:solidFill>
              <a:srgbClr val="999999">
                <a:alpha val="10000"/>
              </a:srgbClr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</p:grpSp>
      <p:grpSp>
        <p:nvGrpSpPr>
          <p:cNvPr id="27" name="Group 26">
            <a:extLst>
              <a:ext uri="{FF2B5EF4-FFF2-40B4-BE49-F238E27FC236}">
                <a16:creationId xmlns:a16="http://schemas.microsoft.com/office/drawing/2014/main" id="{1AE2322A-3817-4F6E-8BF2-C67EB080F633}"/>
              </a:ext>
            </a:extLst>
          </p:cNvPr>
          <p:cNvGrpSpPr/>
          <p:nvPr/>
        </p:nvGrpSpPr>
        <p:grpSpPr>
          <a:xfrm>
            <a:off x="1648091" y="5643950"/>
            <a:ext cx="2036492" cy="1173614"/>
            <a:chOff x="2079596" y="4282215"/>
            <a:chExt cx="3303213" cy="1173614"/>
          </a:xfrm>
        </p:grpSpPr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29C5DFD9-A5D5-4039-A9D1-4839CE9513A7}"/>
                </a:ext>
              </a:extLst>
            </p:cNvPr>
            <p:cNvSpPr txBox="1"/>
            <p:nvPr/>
          </p:nvSpPr>
          <p:spPr>
            <a:xfrm>
              <a:off x="2079596" y="4501722"/>
              <a:ext cx="3303211" cy="9541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sz="1400" dirty="0">
                  <a:cs typeface="Arial" pitchFamily="34" charset="0"/>
                </a:rPr>
                <a:t>Oil and Gas Facilities area  can cover a huge area</a:t>
              </a:r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EC94187E-A350-4546-B142-9855C3CF9BFA}"/>
                </a:ext>
              </a:extLst>
            </p:cNvPr>
            <p:cNvSpPr txBox="1"/>
            <p:nvPr/>
          </p:nvSpPr>
          <p:spPr>
            <a:xfrm>
              <a:off x="2079598" y="4282215"/>
              <a:ext cx="3303211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altLang="ko-KR" sz="1400" b="1" dirty="0">
                  <a:cs typeface="Arial" pitchFamily="34" charset="0"/>
                </a:rPr>
                <a:t>Onshore / Offshore</a:t>
              </a:r>
              <a:endParaRPr lang="ko-KR" altLang="en-US" sz="1400" b="1" dirty="0">
                <a:cs typeface="Arial" pitchFamily="34" charset="0"/>
              </a:endParaRPr>
            </a:p>
          </p:txBody>
        </p:sp>
      </p:grpSp>
      <p:sp>
        <p:nvSpPr>
          <p:cNvPr id="30" name="Rectangle 1">
            <a:extLst>
              <a:ext uri="{FF2B5EF4-FFF2-40B4-BE49-F238E27FC236}">
                <a16:creationId xmlns:a16="http://schemas.microsoft.com/office/drawing/2014/main" id="{5E37D609-2B5C-4580-B61A-4663B411CAD3}"/>
              </a:ext>
            </a:extLst>
          </p:cNvPr>
          <p:cNvSpPr>
            <a:spLocks noChangeAspect="1"/>
          </p:cNvSpPr>
          <p:nvPr/>
        </p:nvSpPr>
        <p:spPr>
          <a:xfrm>
            <a:off x="2040140" y="4371348"/>
            <a:ext cx="760321" cy="757502"/>
          </a:xfrm>
          <a:custGeom>
            <a:avLst/>
            <a:gdLst/>
            <a:ahLst/>
            <a:cxnLst/>
            <a:rect l="l" t="t" r="r" b="b"/>
            <a:pathLst>
              <a:path w="3960000" h="3945309">
                <a:moveTo>
                  <a:pt x="466104" y="2636906"/>
                </a:moveTo>
                <a:lnTo>
                  <a:pt x="466104" y="2780922"/>
                </a:lnTo>
                <a:lnTo>
                  <a:pt x="2050104" y="2780922"/>
                </a:lnTo>
                <a:lnTo>
                  <a:pt x="2050104" y="2636906"/>
                </a:lnTo>
                <a:close/>
                <a:moveTo>
                  <a:pt x="466104" y="2407894"/>
                </a:moveTo>
                <a:lnTo>
                  <a:pt x="466104" y="2551910"/>
                </a:lnTo>
                <a:lnTo>
                  <a:pt x="2050104" y="2551910"/>
                </a:lnTo>
                <a:lnTo>
                  <a:pt x="2050104" y="2407894"/>
                </a:lnTo>
                <a:close/>
                <a:moveTo>
                  <a:pt x="466104" y="2178881"/>
                </a:moveTo>
                <a:lnTo>
                  <a:pt x="466104" y="2322897"/>
                </a:lnTo>
                <a:lnTo>
                  <a:pt x="2050104" y="2322897"/>
                </a:lnTo>
                <a:lnTo>
                  <a:pt x="2050104" y="2178881"/>
                </a:lnTo>
                <a:close/>
                <a:moveTo>
                  <a:pt x="3358993" y="2178880"/>
                </a:moveTo>
                <a:cubicBezTo>
                  <a:pt x="3299346" y="2178880"/>
                  <a:pt x="3250993" y="2227233"/>
                  <a:pt x="3250993" y="2286880"/>
                </a:cubicBezTo>
                <a:cubicBezTo>
                  <a:pt x="3250993" y="2346527"/>
                  <a:pt x="3299346" y="2394880"/>
                  <a:pt x="3358993" y="2394880"/>
                </a:cubicBezTo>
                <a:cubicBezTo>
                  <a:pt x="3418640" y="2394880"/>
                  <a:pt x="3466993" y="2346527"/>
                  <a:pt x="3466993" y="2286880"/>
                </a:cubicBezTo>
                <a:cubicBezTo>
                  <a:pt x="3466993" y="2227233"/>
                  <a:pt x="3418640" y="2178880"/>
                  <a:pt x="3358993" y="2178880"/>
                </a:cubicBezTo>
                <a:close/>
                <a:moveTo>
                  <a:pt x="2962949" y="2178880"/>
                </a:moveTo>
                <a:cubicBezTo>
                  <a:pt x="2903302" y="2178880"/>
                  <a:pt x="2854949" y="2227233"/>
                  <a:pt x="2854949" y="2286880"/>
                </a:cubicBezTo>
                <a:cubicBezTo>
                  <a:pt x="2854949" y="2346527"/>
                  <a:pt x="2903302" y="2394880"/>
                  <a:pt x="2962949" y="2394880"/>
                </a:cubicBezTo>
                <a:cubicBezTo>
                  <a:pt x="3022596" y="2394880"/>
                  <a:pt x="3070949" y="2346527"/>
                  <a:pt x="3070949" y="2286880"/>
                </a:cubicBezTo>
                <a:cubicBezTo>
                  <a:pt x="3070949" y="2227233"/>
                  <a:pt x="3022596" y="2178880"/>
                  <a:pt x="2962949" y="2178880"/>
                </a:cubicBezTo>
                <a:close/>
                <a:moveTo>
                  <a:pt x="2566905" y="2178880"/>
                </a:moveTo>
                <a:cubicBezTo>
                  <a:pt x="2507258" y="2178880"/>
                  <a:pt x="2458905" y="2227233"/>
                  <a:pt x="2458905" y="2286880"/>
                </a:cubicBezTo>
                <a:cubicBezTo>
                  <a:pt x="2458905" y="2346527"/>
                  <a:pt x="2507258" y="2394880"/>
                  <a:pt x="2566905" y="2394880"/>
                </a:cubicBezTo>
                <a:cubicBezTo>
                  <a:pt x="2626552" y="2394880"/>
                  <a:pt x="2674905" y="2346527"/>
                  <a:pt x="2674905" y="2286880"/>
                </a:cubicBezTo>
                <a:cubicBezTo>
                  <a:pt x="2674905" y="2227233"/>
                  <a:pt x="2626552" y="2178880"/>
                  <a:pt x="2566905" y="2178880"/>
                </a:cubicBezTo>
                <a:close/>
                <a:moveTo>
                  <a:pt x="154649" y="2155901"/>
                </a:moveTo>
                <a:lnTo>
                  <a:pt x="154649" y="2803901"/>
                </a:lnTo>
                <a:lnTo>
                  <a:pt x="298665" y="2803901"/>
                </a:lnTo>
                <a:lnTo>
                  <a:pt x="298665" y="2155901"/>
                </a:lnTo>
                <a:close/>
                <a:moveTo>
                  <a:pt x="3645310" y="2153519"/>
                </a:moveTo>
                <a:lnTo>
                  <a:pt x="3645310" y="2801519"/>
                </a:lnTo>
                <a:lnTo>
                  <a:pt x="3789326" y="2801519"/>
                </a:lnTo>
                <a:lnTo>
                  <a:pt x="3789326" y="2153519"/>
                </a:lnTo>
                <a:close/>
                <a:moveTo>
                  <a:pt x="0" y="2032992"/>
                </a:moveTo>
                <a:lnTo>
                  <a:pt x="3960000" y="2032992"/>
                </a:lnTo>
                <a:lnTo>
                  <a:pt x="3960000" y="2897088"/>
                </a:lnTo>
                <a:lnTo>
                  <a:pt x="2124016" y="2897088"/>
                </a:lnTo>
                <a:lnTo>
                  <a:pt x="2124016" y="3513261"/>
                </a:lnTo>
                <a:lnTo>
                  <a:pt x="2268032" y="3513261"/>
                </a:lnTo>
                <a:cubicBezTo>
                  <a:pt x="2331437" y="3513261"/>
                  <a:pt x="2388462" y="3540577"/>
                  <a:pt x="2426674" y="3585269"/>
                </a:cubicBezTo>
                <a:lnTo>
                  <a:pt x="3960000" y="3585269"/>
                </a:lnTo>
                <a:lnTo>
                  <a:pt x="3960000" y="3873301"/>
                </a:lnTo>
                <a:lnTo>
                  <a:pt x="2426674" y="3873301"/>
                </a:lnTo>
                <a:cubicBezTo>
                  <a:pt x="2388462" y="3917993"/>
                  <a:pt x="2331437" y="3945309"/>
                  <a:pt x="2268032" y="3945309"/>
                </a:cubicBezTo>
                <a:lnTo>
                  <a:pt x="1691968" y="3945309"/>
                </a:lnTo>
                <a:cubicBezTo>
                  <a:pt x="1628563" y="3945309"/>
                  <a:pt x="1571538" y="3917993"/>
                  <a:pt x="1533326" y="3873301"/>
                </a:cubicBezTo>
                <a:lnTo>
                  <a:pt x="0" y="3873301"/>
                </a:lnTo>
                <a:lnTo>
                  <a:pt x="0" y="3585269"/>
                </a:lnTo>
                <a:lnTo>
                  <a:pt x="1533326" y="3585269"/>
                </a:lnTo>
                <a:cubicBezTo>
                  <a:pt x="1571538" y="3540577"/>
                  <a:pt x="1628563" y="3513261"/>
                  <a:pt x="1691968" y="3513261"/>
                </a:cubicBezTo>
                <a:lnTo>
                  <a:pt x="1835984" y="3513261"/>
                </a:lnTo>
                <a:lnTo>
                  <a:pt x="1835984" y="2897088"/>
                </a:lnTo>
                <a:lnTo>
                  <a:pt x="0" y="2897088"/>
                </a:lnTo>
                <a:close/>
                <a:moveTo>
                  <a:pt x="466104" y="1620410"/>
                </a:moveTo>
                <a:lnTo>
                  <a:pt x="466104" y="1764426"/>
                </a:lnTo>
                <a:lnTo>
                  <a:pt x="2050104" y="1764426"/>
                </a:lnTo>
                <a:lnTo>
                  <a:pt x="2050104" y="1620410"/>
                </a:lnTo>
                <a:close/>
                <a:moveTo>
                  <a:pt x="466104" y="1391398"/>
                </a:moveTo>
                <a:lnTo>
                  <a:pt x="466104" y="1535414"/>
                </a:lnTo>
                <a:lnTo>
                  <a:pt x="2050104" y="1535414"/>
                </a:lnTo>
                <a:lnTo>
                  <a:pt x="2050104" y="1391398"/>
                </a:lnTo>
                <a:close/>
                <a:moveTo>
                  <a:pt x="466104" y="1162385"/>
                </a:moveTo>
                <a:lnTo>
                  <a:pt x="466104" y="1306401"/>
                </a:lnTo>
                <a:lnTo>
                  <a:pt x="2050104" y="1306401"/>
                </a:lnTo>
                <a:lnTo>
                  <a:pt x="2050104" y="1162385"/>
                </a:lnTo>
                <a:close/>
                <a:moveTo>
                  <a:pt x="3358993" y="1162384"/>
                </a:moveTo>
                <a:cubicBezTo>
                  <a:pt x="3299346" y="1162384"/>
                  <a:pt x="3250993" y="1210737"/>
                  <a:pt x="3250993" y="1270384"/>
                </a:cubicBezTo>
                <a:cubicBezTo>
                  <a:pt x="3250993" y="1330031"/>
                  <a:pt x="3299346" y="1378384"/>
                  <a:pt x="3358993" y="1378384"/>
                </a:cubicBezTo>
                <a:cubicBezTo>
                  <a:pt x="3418640" y="1378384"/>
                  <a:pt x="3466993" y="1330031"/>
                  <a:pt x="3466993" y="1270384"/>
                </a:cubicBezTo>
                <a:cubicBezTo>
                  <a:pt x="3466993" y="1210737"/>
                  <a:pt x="3418640" y="1162384"/>
                  <a:pt x="3358993" y="1162384"/>
                </a:cubicBezTo>
                <a:close/>
                <a:moveTo>
                  <a:pt x="2962949" y="1162384"/>
                </a:moveTo>
                <a:cubicBezTo>
                  <a:pt x="2903302" y="1162384"/>
                  <a:pt x="2854949" y="1210737"/>
                  <a:pt x="2854949" y="1270384"/>
                </a:cubicBezTo>
                <a:cubicBezTo>
                  <a:pt x="2854949" y="1330031"/>
                  <a:pt x="2903302" y="1378384"/>
                  <a:pt x="2962949" y="1378384"/>
                </a:cubicBezTo>
                <a:cubicBezTo>
                  <a:pt x="3022596" y="1378384"/>
                  <a:pt x="3070949" y="1330031"/>
                  <a:pt x="3070949" y="1270384"/>
                </a:cubicBezTo>
                <a:cubicBezTo>
                  <a:pt x="3070949" y="1210737"/>
                  <a:pt x="3022596" y="1162384"/>
                  <a:pt x="2962949" y="1162384"/>
                </a:cubicBezTo>
                <a:close/>
                <a:moveTo>
                  <a:pt x="2566905" y="1162384"/>
                </a:moveTo>
                <a:cubicBezTo>
                  <a:pt x="2507258" y="1162384"/>
                  <a:pt x="2458905" y="1210737"/>
                  <a:pt x="2458905" y="1270384"/>
                </a:cubicBezTo>
                <a:cubicBezTo>
                  <a:pt x="2458905" y="1330031"/>
                  <a:pt x="2507258" y="1378384"/>
                  <a:pt x="2566905" y="1378384"/>
                </a:cubicBezTo>
                <a:cubicBezTo>
                  <a:pt x="2626552" y="1378384"/>
                  <a:pt x="2674905" y="1330031"/>
                  <a:pt x="2674905" y="1270384"/>
                </a:cubicBezTo>
                <a:cubicBezTo>
                  <a:pt x="2674905" y="1210737"/>
                  <a:pt x="2626552" y="1162384"/>
                  <a:pt x="2566905" y="1162384"/>
                </a:cubicBezTo>
                <a:close/>
                <a:moveTo>
                  <a:pt x="154649" y="1139405"/>
                </a:moveTo>
                <a:lnTo>
                  <a:pt x="154649" y="1787405"/>
                </a:lnTo>
                <a:lnTo>
                  <a:pt x="298665" y="1787405"/>
                </a:lnTo>
                <a:lnTo>
                  <a:pt x="298665" y="1139405"/>
                </a:lnTo>
                <a:close/>
                <a:moveTo>
                  <a:pt x="3645310" y="1137023"/>
                </a:moveTo>
                <a:lnTo>
                  <a:pt x="3645310" y="1785023"/>
                </a:lnTo>
                <a:lnTo>
                  <a:pt x="3789326" y="1785023"/>
                </a:lnTo>
                <a:lnTo>
                  <a:pt x="3789326" y="1137023"/>
                </a:lnTo>
                <a:close/>
                <a:moveTo>
                  <a:pt x="0" y="1016496"/>
                </a:moveTo>
                <a:lnTo>
                  <a:pt x="3960000" y="1016496"/>
                </a:lnTo>
                <a:lnTo>
                  <a:pt x="3960000" y="1880592"/>
                </a:lnTo>
                <a:lnTo>
                  <a:pt x="0" y="1880592"/>
                </a:lnTo>
                <a:close/>
                <a:moveTo>
                  <a:pt x="466104" y="603914"/>
                </a:moveTo>
                <a:lnTo>
                  <a:pt x="466104" y="747930"/>
                </a:lnTo>
                <a:lnTo>
                  <a:pt x="2050104" y="747930"/>
                </a:lnTo>
                <a:lnTo>
                  <a:pt x="2050104" y="603914"/>
                </a:lnTo>
                <a:close/>
                <a:moveTo>
                  <a:pt x="466104" y="374902"/>
                </a:moveTo>
                <a:lnTo>
                  <a:pt x="466104" y="518918"/>
                </a:lnTo>
                <a:lnTo>
                  <a:pt x="2050104" y="518918"/>
                </a:lnTo>
                <a:lnTo>
                  <a:pt x="2050104" y="374902"/>
                </a:lnTo>
                <a:close/>
                <a:moveTo>
                  <a:pt x="466104" y="145889"/>
                </a:moveTo>
                <a:lnTo>
                  <a:pt x="466104" y="289905"/>
                </a:lnTo>
                <a:lnTo>
                  <a:pt x="2050104" y="289905"/>
                </a:lnTo>
                <a:lnTo>
                  <a:pt x="2050104" y="145889"/>
                </a:lnTo>
                <a:close/>
                <a:moveTo>
                  <a:pt x="3358993" y="145888"/>
                </a:moveTo>
                <a:cubicBezTo>
                  <a:pt x="3299346" y="145888"/>
                  <a:pt x="3250993" y="194241"/>
                  <a:pt x="3250993" y="253888"/>
                </a:cubicBezTo>
                <a:cubicBezTo>
                  <a:pt x="3250993" y="313535"/>
                  <a:pt x="3299346" y="361888"/>
                  <a:pt x="3358993" y="361888"/>
                </a:cubicBezTo>
                <a:cubicBezTo>
                  <a:pt x="3418640" y="361888"/>
                  <a:pt x="3466993" y="313535"/>
                  <a:pt x="3466993" y="253888"/>
                </a:cubicBezTo>
                <a:cubicBezTo>
                  <a:pt x="3466993" y="194241"/>
                  <a:pt x="3418640" y="145888"/>
                  <a:pt x="3358993" y="145888"/>
                </a:cubicBezTo>
                <a:close/>
                <a:moveTo>
                  <a:pt x="2962949" y="145888"/>
                </a:moveTo>
                <a:cubicBezTo>
                  <a:pt x="2903302" y="145888"/>
                  <a:pt x="2854949" y="194241"/>
                  <a:pt x="2854949" y="253888"/>
                </a:cubicBezTo>
                <a:cubicBezTo>
                  <a:pt x="2854949" y="313535"/>
                  <a:pt x="2903302" y="361888"/>
                  <a:pt x="2962949" y="361888"/>
                </a:cubicBezTo>
                <a:cubicBezTo>
                  <a:pt x="3022596" y="361888"/>
                  <a:pt x="3070949" y="313535"/>
                  <a:pt x="3070949" y="253888"/>
                </a:cubicBezTo>
                <a:cubicBezTo>
                  <a:pt x="3070949" y="194241"/>
                  <a:pt x="3022596" y="145888"/>
                  <a:pt x="2962949" y="145888"/>
                </a:cubicBezTo>
                <a:close/>
                <a:moveTo>
                  <a:pt x="2566905" y="145888"/>
                </a:moveTo>
                <a:cubicBezTo>
                  <a:pt x="2507258" y="145888"/>
                  <a:pt x="2458905" y="194241"/>
                  <a:pt x="2458905" y="253888"/>
                </a:cubicBezTo>
                <a:cubicBezTo>
                  <a:pt x="2458905" y="313535"/>
                  <a:pt x="2507258" y="361888"/>
                  <a:pt x="2566905" y="361888"/>
                </a:cubicBezTo>
                <a:cubicBezTo>
                  <a:pt x="2626552" y="361888"/>
                  <a:pt x="2674905" y="313535"/>
                  <a:pt x="2674905" y="253888"/>
                </a:cubicBezTo>
                <a:cubicBezTo>
                  <a:pt x="2674905" y="194241"/>
                  <a:pt x="2626552" y="145888"/>
                  <a:pt x="2566905" y="145888"/>
                </a:cubicBezTo>
                <a:close/>
                <a:moveTo>
                  <a:pt x="154649" y="122909"/>
                </a:moveTo>
                <a:lnTo>
                  <a:pt x="154649" y="770909"/>
                </a:lnTo>
                <a:lnTo>
                  <a:pt x="298665" y="770909"/>
                </a:lnTo>
                <a:lnTo>
                  <a:pt x="298665" y="122909"/>
                </a:lnTo>
                <a:close/>
                <a:moveTo>
                  <a:pt x="3645310" y="120527"/>
                </a:moveTo>
                <a:lnTo>
                  <a:pt x="3645310" y="768527"/>
                </a:lnTo>
                <a:lnTo>
                  <a:pt x="3789326" y="768527"/>
                </a:lnTo>
                <a:lnTo>
                  <a:pt x="3789326" y="120527"/>
                </a:lnTo>
                <a:close/>
                <a:moveTo>
                  <a:pt x="0" y="0"/>
                </a:moveTo>
                <a:lnTo>
                  <a:pt x="3960000" y="0"/>
                </a:lnTo>
                <a:lnTo>
                  <a:pt x="3960000" y="864096"/>
                </a:lnTo>
                <a:lnTo>
                  <a:pt x="0" y="864096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>
              <a:solidFill>
                <a:schemeClr val="tx1"/>
              </a:solidFill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6A02FDC1-52C6-4100-966A-ED98AF241361}"/>
              </a:ext>
            </a:extLst>
          </p:cNvPr>
          <p:cNvSpPr txBox="1"/>
          <p:nvPr/>
        </p:nvSpPr>
        <p:spPr>
          <a:xfrm>
            <a:off x="5149799" y="668604"/>
            <a:ext cx="3732743" cy="3139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80000"/>
              </a:lnSpc>
            </a:pPr>
            <a:r>
              <a:rPr lang="en-US" altLang="ko-KR" dirty="0">
                <a:solidFill>
                  <a:schemeClr val="bg1"/>
                </a:solidFill>
                <a:cs typeface="Arial" pitchFamily="34" charset="0"/>
              </a:rPr>
              <a:t>Example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2047810F-3FBA-446A-BCE3-DC14D946A090}"/>
              </a:ext>
            </a:extLst>
          </p:cNvPr>
          <p:cNvSpPr txBox="1"/>
          <p:nvPr/>
        </p:nvSpPr>
        <p:spPr>
          <a:xfrm>
            <a:off x="5872713" y="1085451"/>
            <a:ext cx="3732743" cy="3139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80000"/>
              </a:lnSpc>
            </a:pPr>
            <a:r>
              <a:rPr lang="en-US" altLang="ko-KR" dirty="0" err="1">
                <a:solidFill>
                  <a:schemeClr val="bg1"/>
                </a:solidFill>
                <a:cs typeface="Arial" pitchFamily="34" charset="0"/>
              </a:rPr>
              <a:t>Timimoun</a:t>
            </a:r>
            <a:r>
              <a:rPr lang="en-US" altLang="ko-KR" dirty="0">
                <a:solidFill>
                  <a:schemeClr val="bg1"/>
                </a:solidFill>
                <a:cs typeface="Arial" pitchFamily="34" charset="0"/>
              </a:rPr>
              <a:t> Gas Field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330D0B2E-BE8C-435C-9F6C-83D755B2D28A}"/>
              </a:ext>
            </a:extLst>
          </p:cNvPr>
          <p:cNvSpPr txBox="1"/>
          <p:nvPr/>
        </p:nvSpPr>
        <p:spPr>
          <a:xfrm>
            <a:off x="6247672" y="1450962"/>
            <a:ext cx="4883780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  <a:t>Operator: </a:t>
            </a:r>
            <a:r>
              <a:rPr lang="en-US" altLang="ko-KR" sz="1600" dirty="0" err="1">
                <a:solidFill>
                  <a:schemeClr val="bg1"/>
                </a:solidFill>
                <a:cs typeface="Arial" pitchFamily="34" charset="0"/>
              </a:rPr>
              <a:t>Groupement</a:t>
            </a:r>
            <a: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  <a:t> TIMIMOUN (Total (37.75%), </a:t>
            </a:r>
            <a:r>
              <a:rPr lang="en-US" altLang="ko-KR" sz="1600" dirty="0" err="1">
                <a:solidFill>
                  <a:schemeClr val="bg1"/>
                </a:solidFill>
                <a:cs typeface="Arial" pitchFamily="34" charset="0"/>
              </a:rPr>
              <a:t>Sonatrach</a:t>
            </a:r>
            <a: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  <a:t> (51%) and </a:t>
            </a:r>
            <a:r>
              <a:rPr lang="en-US" altLang="ko-KR" sz="1600" dirty="0" err="1">
                <a:solidFill>
                  <a:schemeClr val="bg1"/>
                </a:solidFill>
                <a:cs typeface="Arial" pitchFamily="34" charset="0"/>
              </a:rPr>
              <a:t>Cepsa</a:t>
            </a:r>
            <a: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  <a:t> (11.25%))</a:t>
            </a:r>
          </a:p>
          <a:p>
            <a:endParaRPr lang="en-US" altLang="ko-KR" sz="1600" dirty="0">
              <a:solidFill>
                <a:schemeClr val="bg1"/>
              </a:solidFill>
              <a:cs typeface="Arial" pitchFamily="34" charset="0"/>
            </a:endParaRPr>
          </a:p>
          <a:p>
            <a: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  <a:t>Location: Algeria</a:t>
            </a:r>
          </a:p>
          <a:p>
            <a: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  <a:t>Completion: 2018</a:t>
            </a:r>
          </a:p>
          <a:p>
            <a: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  <a:t>Capacity: Condensate 423.5 BPD</a:t>
            </a:r>
            <a:b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</a:br>
            <a: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  <a:t>Gas 177.5 MMSCFD</a:t>
            </a:r>
          </a:p>
          <a:p>
            <a:r>
              <a:rPr lang="en-US" altLang="ko-KR" sz="1600" dirty="0">
                <a:solidFill>
                  <a:schemeClr val="bg1"/>
                </a:solidFill>
                <a:cs typeface="Arial" pitchFamily="34" charset="0"/>
              </a:rPr>
              <a:t>Wells: 40 wells</a:t>
            </a:r>
          </a:p>
        </p:txBody>
      </p:sp>
      <p:sp>
        <p:nvSpPr>
          <p:cNvPr id="40" name="Right Triangle 4">
            <a:extLst>
              <a:ext uri="{FF2B5EF4-FFF2-40B4-BE49-F238E27FC236}">
                <a16:creationId xmlns:a16="http://schemas.microsoft.com/office/drawing/2014/main" id="{6C23F794-C820-4611-9CDA-064828812C64}"/>
              </a:ext>
            </a:extLst>
          </p:cNvPr>
          <p:cNvSpPr/>
          <p:nvPr/>
        </p:nvSpPr>
        <p:spPr>
          <a:xfrm rot="5400000" flipV="1">
            <a:off x="7445444" y="2237271"/>
            <a:ext cx="1133687" cy="4279149"/>
          </a:xfrm>
          <a:custGeom>
            <a:avLst/>
            <a:gdLst/>
            <a:ahLst/>
            <a:cxnLst/>
            <a:rect l="l" t="t" r="r" b="b"/>
            <a:pathLst>
              <a:path w="2684095" h="2088232">
                <a:moveTo>
                  <a:pt x="2201306" y="2088232"/>
                </a:moveTo>
                <a:lnTo>
                  <a:pt x="102950" y="2088232"/>
                </a:lnTo>
                <a:cubicBezTo>
                  <a:pt x="46092" y="2088232"/>
                  <a:pt x="0" y="2042140"/>
                  <a:pt x="0" y="1985282"/>
                </a:cubicBezTo>
                <a:lnTo>
                  <a:pt x="0" y="102950"/>
                </a:lnTo>
                <a:cubicBezTo>
                  <a:pt x="0" y="46092"/>
                  <a:pt x="46092" y="0"/>
                  <a:pt x="102950" y="0"/>
                </a:cubicBezTo>
                <a:lnTo>
                  <a:pt x="2201306" y="0"/>
                </a:lnTo>
                <a:cubicBezTo>
                  <a:pt x="2258164" y="0"/>
                  <a:pt x="2304256" y="46092"/>
                  <a:pt x="2304256" y="102950"/>
                </a:cubicBezTo>
                <a:lnTo>
                  <a:pt x="2304256" y="1587815"/>
                </a:lnTo>
                <a:lnTo>
                  <a:pt x="2684095" y="1967654"/>
                </a:lnTo>
                <a:lnTo>
                  <a:pt x="2304256" y="1967654"/>
                </a:lnTo>
                <a:lnTo>
                  <a:pt x="2304256" y="1985282"/>
                </a:lnTo>
                <a:cubicBezTo>
                  <a:pt x="2304256" y="2042140"/>
                  <a:pt x="2258164" y="2088232"/>
                  <a:pt x="2201306" y="2088232"/>
                </a:cubicBezTo>
                <a:close/>
              </a:path>
            </a:pathLst>
          </a:custGeom>
          <a:noFill/>
          <a:ln w="50800"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2700">
              <a:solidFill>
                <a:schemeClr val="bg1"/>
              </a:solidFill>
            </a:endParaRP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74BED9C9-58CD-41CA-A133-98D8C39CBDF3}"/>
              </a:ext>
            </a:extLst>
          </p:cNvPr>
          <p:cNvSpPr txBox="1"/>
          <p:nvPr/>
        </p:nvSpPr>
        <p:spPr>
          <a:xfrm>
            <a:off x="5984660" y="3976781"/>
            <a:ext cx="405525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b="1" dirty="0">
                <a:solidFill>
                  <a:schemeClr val="bg1"/>
                </a:solidFill>
                <a:cs typeface="Arial" pitchFamily="34" charset="0"/>
              </a:rPr>
              <a:t>Each ‘Asset’ are tracked using ERP-like system, called CMMS / EAM</a:t>
            </a:r>
          </a:p>
        </p:txBody>
      </p:sp>
      <p:sp>
        <p:nvSpPr>
          <p:cNvPr id="42" name="Text Placeholder 10">
            <a:extLst>
              <a:ext uri="{FF2B5EF4-FFF2-40B4-BE49-F238E27FC236}">
                <a16:creationId xmlns:a16="http://schemas.microsoft.com/office/drawing/2014/main" id="{5B4D6AA6-5D4C-4A63-81D0-3DACF30CF9AF}"/>
              </a:ext>
            </a:extLst>
          </p:cNvPr>
          <p:cNvSpPr txBox="1">
            <a:spLocks/>
          </p:cNvSpPr>
          <p:nvPr/>
        </p:nvSpPr>
        <p:spPr>
          <a:xfrm>
            <a:off x="8118454" y="4607046"/>
            <a:ext cx="3644922" cy="1800226"/>
          </a:xfrm>
          <a:prstGeom prst="rect">
            <a:avLst/>
          </a:prstGeom>
          <a:noFill/>
        </p:spPr>
        <p:txBody>
          <a:bodyPr anchor="ctr"/>
          <a:lstStyle>
            <a:lvl1pPr marL="342900" indent="-3429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lnSpc>
                <a:spcPct val="110000"/>
              </a:lnSpc>
              <a:buNone/>
            </a:pPr>
            <a:r>
              <a:rPr lang="en-US" altLang="ko-KR" sz="4800" b="1" dirty="0">
                <a:solidFill>
                  <a:schemeClr val="bg1"/>
                </a:solidFill>
                <a:cs typeface="Arial" pitchFamily="34" charset="0"/>
              </a:rPr>
              <a:t>Overview</a:t>
            </a:r>
          </a:p>
        </p:txBody>
      </p:sp>
    </p:spTree>
    <p:extLst>
      <p:ext uri="{BB962C8B-B14F-4D97-AF65-F5344CB8AC3E}">
        <p14:creationId xmlns:p14="http://schemas.microsoft.com/office/powerpoint/2010/main" val="387188525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 l="-7000" r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283B6903-B2E8-4C83-B562-BC459BE8F6A7}"/>
              </a:ext>
            </a:extLst>
          </p:cNvPr>
          <p:cNvSpPr/>
          <p:nvPr/>
        </p:nvSpPr>
        <p:spPr>
          <a:xfrm>
            <a:off x="226423" y="330112"/>
            <a:ext cx="11765280" cy="6314528"/>
          </a:xfrm>
          <a:prstGeom prst="rect">
            <a:avLst/>
          </a:prstGeom>
          <a:solidFill>
            <a:schemeClr val="tx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 Placeholder 10">
            <a:extLst>
              <a:ext uri="{FF2B5EF4-FFF2-40B4-BE49-F238E27FC236}">
                <a16:creationId xmlns:a16="http://schemas.microsoft.com/office/drawing/2014/main" id="{386D4C34-FB77-459C-BFC9-BED4AB4CA10A}"/>
              </a:ext>
            </a:extLst>
          </p:cNvPr>
          <p:cNvSpPr txBox="1">
            <a:spLocks/>
          </p:cNvSpPr>
          <p:nvPr/>
        </p:nvSpPr>
        <p:spPr>
          <a:xfrm>
            <a:off x="8118454" y="4607046"/>
            <a:ext cx="3644922" cy="1800226"/>
          </a:xfrm>
          <a:prstGeom prst="rect">
            <a:avLst/>
          </a:prstGeom>
          <a:noFill/>
        </p:spPr>
        <p:txBody>
          <a:bodyPr anchor="ctr"/>
          <a:lstStyle>
            <a:lvl1pPr marL="342900" indent="-3429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lnSpc>
                <a:spcPct val="110000"/>
              </a:lnSpc>
              <a:buNone/>
            </a:pPr>
            <a:r>
              <a:rPr lang="en-US" altLang="ko-KR" sz="4800" b="1" dirty="0">
                <a:solidFill>
                  <a:schemeClr val="bg1"/>
                </a:solidFill>
                <a:cs typeface="Arial" pitchFamily="34" charset="0"/>
              </a:rPr>
              <a:t>Sample CMMS Interface</a:t>
            </a:r>
          </a:p>
        </p:txBody>
      </p:sp>
      <p:pic>
        <p:nvPicPr>
          <p:cNvPr id="11" name="Picture 4" descr="Oracle Enterprise Asset Management User's Guide">
            <a:extLst>
              <a:ext uri="{FF2B5EF4-FFF2-40B4-BE49-F238E27FC236}">
                <a16:creationId xmlns:a16="http://schemas.microsoft.com/office/drawing/2014/main" id="{C08B8940-2691-4307-A2DB-C6683930655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6018" y="571488"/>
            <a:ext cx="6311007" cy="59617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Coswin 8i | Logiciel GMAO : Logiciel de gestion de maintenance - SIVECO">
            <a:extLst>
              <a:ext uri="{FF2B5EF4-FFF2-40B4-BE49-F238E27FC236}">
                <a16:creationId xmlns:a16="http://schemas.microsoft.com/office/drawing/2014/main" id="{F7FD9EF4-48CC-4F56-9D0F-FB10536410C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802" b="17531"/>
          <a:stretch/>
        </p:blipFill>
        <p:spPr bwMode="auto">
          <a:xfrm>
            <a:off x="6816620" y="736758"/>
            <a:ext cx="4985632" cy="26922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852429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22EACE2C-F0BB-4B26-BDA0-E1B66FC049A7}"/>
              </a:ext>
            </a:extLst>
          </p:cNvPr>
          <p:cNvSpPr txBox="1"/>
          <p:nvPr/>
        </p:nvSpPr>
        <p:spPr>
          <a:xfrm>
            <a:off x="6848475" y="3037886"/>
            <a:ext cx="5221991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altLang="ko-KR" sz="3600" b="1" dirty="0">
                <a:solidFill>
                  <a:schemeClr val="bg1"/>
                </a:solidFill>
                <a:latin typeface="+mj-lt"/>
                <a:cs typeface="Arial" pitchFamily="34" charset="0"/>
              </a:rPr>
              <a:t>02 Problem Definition</a:t>
            </a:r>
            <a:endParaRPr lang="ko-KR" altLang="en-US" sz="3600" b="1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3825896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l="-7000" r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74792BEC-53B8-4B7B-B3E1-626E0266CAB2}"/>
              </a:ext>
            </a:extLst>
          </p:cNvPr>
          <p:cNvSpPr/>
          <p:nvPr/>
        </p:nvSpPr>
        <p:spPr>
          <a:xfrm>
            <a:off x="226423" y="330112"/>
            <a:ext cx="11765280" cy="6314528"/>
          </a:xfrm>
          <a:prstGeom prst="rect">
            <a:avLst/>
          </a:prstGeom>
          <a:solidFill>
            <a:schemeClr val="tx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Text Placeholder 10">
            <a:extLst>
              <a:ext uri="{FF2B5EF4-FFF2-40B4-BE49-F238E27FC236}">
                <a16:creationId xmlns:a16="http://schemas.microsoft.com/office/drawing/2014/main" id="{386D4C34-FB77-459C-BFC9-BED4AB4CA10A}"/>
              </a:ext>
            </a:extLst>
          </p:cNvPr>
          <p:cNvSpPr txBox="1">
            <a:spLocks/>
          </p:cNvSpPr>
          <p:nvPr/>
        </p:nvSpPr>
        <p:spPr>
          <a:xfrm>
            <a:off x="9098552" y="4607046"/>
            <a:ext cx="2664823" cy="1800226"/>
          </a:xfrm>
          <a:prstGeom prst="rect">
            <a:avLst/>
          </a:prstGeom>
          <a:noFill/>
        </p:spPr>
        <p:txBody>
          <a:bodyPr anchor="ctr"/>
          <a:lstStyle>
            <a:lvl1pPr marL="342900" indent="-3429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lnSpc>
                <a:spcPct val="110000"/>
              </a:lnSpc>
              <a:buNone/>
            </a:pPr>
            <a:r>
              <a:rPr lang="en-US" altLang="ko-KR" sz="4800" b="1" dirty="0">
                <a:solidFill>
                  <a:schemeClr val="bg1"/>
                </a:solidFill>
                <a:cs typeface="Arial" pitchFamily="34" charset="0"/>
              </a:rPr>
              <a:t>Data Sources</a:t>
            </a:r>
          </a:p>
        </p:txBody>
      </p:sp>
      <p:pic>
        <p:nvPicPr>
          <p:cNvPr id="15" name="Content Placeholder 7">
            <a:extLst>
              <a:ext uri="{FF2B5EF4-FFF2-40B4-BE49-F238E27FC236}">
                <a16:creationId xmlns:a16="http://schemas.microsoft.com/office/drawing/2014/main" id="{7E422FBC-AC50-40C3-9338-EE499323322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8625" y="1028699"/>
            <a:ext cx="8585196" cy="5378573"/>
          </a:xfrm>
          <a:prstGeom prst="rect">
            <a:avLst/>
          </a:prstGeom>
        </p:spPr>
      </p:pic>
      <p:sp>
        <p:nvSpPr>
          <p:cNvPr id="18" name="Right Triangle 4">
            <a:extLst>
              <a:ext uri="{FF2B5EF4-FFF2-40B4-BE49-F238E27FC236}">
                <a16:creationId xmlns:a16="http://schemas.microsoft.com/office/drawing/2014/main" id="{D126FF58-C7B3-4E21-A28D-F061F0CDFFDF}"/>
              </a:ext>
            </a:extLst>
          </p:cNvPr>
          <p:cNvSpPr/>
          <p:nvPr/>
        </p:nvSpPr>
        <p:spPr>
          <a:xfrm rot="5400000" flipV="1">
            <a:off x="9321109" y="2398049"/>
            <a:ext cx="2114156" cy="1829102"/>
          </a:xfrm>
          <a:custGeom>
            <a:avLst/>
            <a:gdLst/>
            <a:ahLst/>
            <a:cxnLst/>
            <a:rect l="l" t="t" r="r" b="b"/>
            <a:pathLst>
              <a:path w="2684095" h="2088232">
                <a:moveTo>
                  <a:pt x="2201306" y="2088232"/>
                </a:moveTo>
                <a:lnTo>
                  <a:pt x="102950" y="2088232"/>
                </a:lnTo>
                <a:cubicBezTo>
                  <a:pt x="46092" y="2088232"/>
                  <a:pt x="0" y="2042140"/>
                  <a:pt x="0" y="1985282"/>
                </a:cubicBezTo>
                <a:lnTo>
                  <a:pt x="0" y="102950"/>
                </a:lnTo>
                <a:cubicBezTo>
                  <a:pt x="0" y="46092"/>
                  <a:pt x="46092" y="0"/>
                  <a:pt x="102950" y="0"/>
                </a:cubicBezTo>
                <a:lnTo>
                  <a:pt x="2201306" y="0"/>
                </a:lnTo>
                <a:cubicBezTo>
                  <a:pt x="2258164" y="0"/>
                  <a:pt x="2304256" y="46092"/>
                  <a:pt x="2304256" y="102950"/>
                </a:cubicBezTo>
                <a:lnTo>
                  <a:pt x="2304256" y="1587815"/>
                </a:lnTo>
                <a:lnTo>
                  <a:pt x="2684095" y="1967654"/>
                </a:lnTo>
                <a:lnTo>
                  <a:pt x="2304256" y="1967654"/>
                </a:lnTo>
                <a:lnTo>
                  <a:pt x="2304256" y="1985282"/>
                </a:lnTo>
                <a:cubicBezTo>
                  <a:pt x="2304256" y="2042140"/>
                  <a:pt x="2258164" y="2088232"/>
                  <a:pt x="2201306" y="2088232"/>
                </a:cubicBezTo>
                <a:close/>
              </a:path>
            </a:pathLst>
          </a:custGeom>
          <a:noFill/>
          <a:ln w="50800"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sz="2700">
              <a:solidFill>
                <a:schemeClr val="bg1"/>
              </a:solidFill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6B32229-BDE9-4026-AF38-FA0C24EC62D5}"/>
              </a:ext>
            </a:extLst>
          </p:cNvPr>
          <p:cNvSpPr txBox="1"/>
          <p:nvPr/>
        </p:nvSpPr>
        <p:spPr>
          <a:xfrm>
            <a:off x="9555355" y="2377301"/>
            <a:ext cx="1737383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b="1" dirty="0">
                <a:solidFill>
                  <a:schemeClr val="bg1"/>
                </a:solidFill>
                <a:cs typeface="Arial" pitchFamily="34" charset="0"/>
              </a:rPr>
              <a:t>During construction phase, only data source are engineering documents</a:t>
            </a:r>
          </a:p>
        </p:txBody>
      </p:sp>
    </p:spTree>
    <p:extLst>
      <p:ext uri="{BB962C8B-B14F-4D97-AF65-F5344CB8AC3E}">
        <p14:creationId xmlns:p14="http://schemas.microsoft.com/office/powerpoint/2010/main" val="114495768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l="-7000" r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6A0FD17E-96DA-4BB5-9D08-635C2B666C7F}"/>
              </a:ext>
            </a:extLst>
          </p:cNvPr>
          <p:cNvSpPr/>
          <p:nvPr/>
        </p:nvSpPr>
        <p:spPr>
          <a:xfrm>
            <a:off x="226423" y="330112"/>
            <a:ext cx="11765280" cy="6314528"/>
          </a:xfrm>
          <a:prstGeom prst="rect">
            <a:avLst/>
          </a:prstGeom>
          <a:solidFill>
            <a:schemeClr val="tx1"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4DFE27E9-C1DB-43C1-9B6B-74C4CF339766}"/>
              </a:ext>
            </a:extLst>
          </p:cNvPr>
          <p:cNvSpPr txBox="1"/>
          <p:nvPr/>
        </p:nvSpPr>
        <p:spPr>
          <a:xfrm>
            <a:off x="9940915" y="2767280"/>
            <a:ext cx="1432423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ko-KR" sz="1600" b="1" dirty="0">
                <a:solidFill>
                  <a:schemeClr val="bg1"/>
                </a:solidFill>
                <a:cs typeface="Arial" pitchFamily="34" charset="0"/>
              </a:rPr>
              <a:t>Columns Infographic Simple  Portfolio Designed </a:t>
            </a:r>
          </a:p>
        </p:txBody>
      </p:sp>
      <p:sp>
        <p:nvSpPr>
          <p:cNvPr id="4" name="Text Placeholder 10">
            <a:extLst>
              <a:ext uri="{FF2B5EF4-FFF2-40B4-BE49-F238E27FC236}">
                <a16:creationId xmlns:a16="http://schemas.microsoft.com/office/drawing/2014/main" id="{386D4C34-FB77-459C-BFC9-BED4AB4CA10A}"/>
              </a:ext>
            </a:extLst>
          </p:cNvPr>
          <p:cNvSpPr txBox="1">
            <a:spLocks/>
          </p:cNvSpPr>
          <p:nvPr/>
        </p:nvSpPr>
        <p:spPr>
          <a:xfrm>
            <a:off x="8118454" y="4607046"/>
            <a:ext cx="3644922" cy="1800226"/>
          </a:xfrm>
          <a:prstGeom prst="rect">
            <a:avLst/>
          </a:prstGeom>
          <a:noFill/>
        </p:spPr>
        <p:txBody>
          <a:bodyPr anchor="ctr"/>
          <a:lstStyle>
            <a:lvl1pPr marL="342900" indent="-3429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1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lnSpc>
                <a:spcPct val="110000"/>
              </a:lnSpc>
              <a:buNone/>
            </a:pPr>
            <a:r>
              <a:rPr lang="en-US" altLang="ko-KR" sz="4800" b="1" dirty="0">
                <a:solidFill>
                  <a:schemeClr val="bg1"/>
                </a:solidFill>
                <a:cs typeface="Arial" pitchFamily="34" charset="0"/>
              </a:rPr>
              <a:t>Upload Templat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7FB4FCEB-589C-47DC-BC55-DDED7ED55A7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0715" y="345665"/>
            <a:ext cx="11490569" cy="40032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0660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22EACE2C-F0BB-4B26-BDA0-E1B66FC049A7}"/>
              </a:ext>
            </a:extLst>
          </p:cNvPr>
          <p:cNvSpPr txBox="1"/>
          <p:nvPr/>
        </p:nvSpPr>
        <p:spPr>
          <a:xfrm>
            <a:off x="6848475" y="3037886"/>
            <a:ext cx="5221991" cy="64633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altLang="ko-KR" sz="3600" b="1" dirty="0">
                <a:solidFill>
                  <a:schemeClr val="bg1"/>
                </a:solidFill>
                <a:latin typeface="+mj-lt"/>
                <a:cs typeface="Arial" pitchFamily="34" charset="0"/>
              </a:rPr>
              <a:t>03 Literature Review</a:t>
            </a:r>
            <a:endParaRPr lang="ko-KR" altLang="en-US" sz="3600" b="1" dirty="0">
              <a:solidFill>
                <a:schemeClr val="bg1"/>
              </a:solidFill>
              <a:latin typeface="+mj-lt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788703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ver and End Slide Master">
  <a:themeElements>
    <a:clrScheme name="ALLPPT COLOR - 104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196491"/>
      </a:accent1>
      <a:accent2>
        <a:srgbClr val="0587AF"/>
      </a:accent2>
      <a:accent3>
        <a:srgbClr val="19A5BE"/>
      </a:accent3>
      <a:accent4>
        <a:srgbClr val="53C3CD"/>
      </a:accent4>
      <a:accent5>
        <a:srgbClr val="5AB4C1"/>
      </a:accent5>
      <a:accent6>
        <a:srgbClr val="1A8EA9"/>
      </a:accent6>
      <a:hlink>
        <a:srgbClr val="0000FF"/>
      </a:hlink>
      <a:folHlink>
        <a:srgbClr val="800080"/>
      </a:folHlink>
    </a:clrScheme>
    <a:fontScheme name="ALLPPT FONT">
      <a:majorFont>
        <a:latin typeface="Arial"/>
        <a:ea typeface="Arial Unicode MS"/>
        <a:cs typeface=""/>
      </a:majorFont>
      <a:minorFont>
        <a:latin typeface="Arial"/>
        <a:ea typeface="Arial Unicode MS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Contents Slide Master">
  <a:themeElements>
    <a:clrScheme name="ALLPPT COLOR - 104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196491"/>
      </a:accent1>
      <a:accent2>
        <a:srgbClr val="0587AF"/>
      </a:accent2>
      <a:accent3>
        <a:srgbClr val="19A5BE"/>
      </a:accent3>
      <a:accent4>
        <a:srgbClr val="53C3CD"/>
      </a:accent4>
      <a:accent5>
        <a:srgbClr val="5AB4C1"/>
      </a:accent5>
      <a:accent6>
        <a:srgbClr val="1A8EA9"/>
      </a:accent6>
      <a:hlink>
        <a:srgbClr val="0000FF"/>
      </a:hlink>
      <a:folHlink>
        <a:srgbClr val="800080"/>
      </a:folHlink>
    </a:clrScheme>
    <a:fontScheme name="ALLPPT FONT">
      <a:majorFont>
        <a:latin typeface="Arial"/>
        <a:ea typeface="Arial Unicode MS"/>
        <a:cs typeface=""/>
      </a:majorFont>
      <a:minorFont>
        <a:latin typeface="Arial"/>
        <a:ea typeface="Arial Unicode MS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Section Break Slide Master">
  <a:themeElements>
    <a:clrScheme name="ALLPPT-COL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8AC7D3"/>
      </a:accent1>
      <a:accent2>
        <a:srgbClr val="307689"/>
      </a:accent2>
      <a:accent3>
        <a:srgbClr val="F7C76A"/>
      </a:accent3>
      <a:accent4>
        <a:srgbClr val="F47758"/>
      </a:accent4>
      <a:accent5>
        <a:srgbClr val="C1C3C4"/>
      </a:accent5>
      <a:accent6>
        <a:srgbClr val="506272"/>
      </a:accent6>
      <a:hlink>
        <a:srgbClr val="000000"/>
      </a:hlink>
      <a:folHlink>
        <a:srgbClr val="000000"/>
      </a:folHlink>
    </a:clrScheme>
    <a:fontScheme name="ALLPPT FONT">
      <a:majorFont>
        <a:latin typeface="Arial"/>
        <a:ea typeface="Arial Unicode MS"/>
        <a:cs typeface=""/>
      </a:majorFont>
      <a:minorFont>
        <a:latin typeface="Arial"/>
        <a:ea typeface="Arial Unicode MS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801</TotalTime>
  <Words>1209</Words>
  <Application>Microsoft Office PowerPoint</Application>
  <PresentationFormat>Widescreen</PresentationFormat>
  <Paragraphs>244</Paragraphs>
  <Slides>24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4</vt:i4>
      </vt:variant>
    </vt:vector>
  </HeadingPairs>
  <TitlesOfParts>
    <vt:vector size="31" baseType="lpstr">
      <vt:lpstr>Adobe Song Std L</vt:lpstr>
      <vt:lpstr>Arial</vt:lpstr>
      <vt:lpstr>Arial Black</vt:lpstr>
      <vt:lpstr>Calibri</vt:lpstr>
      <vt:lpstr>Cover and End Slide Master</vt:lpstr>
      <vt:lpstr>Contents Slide Master</vt:lpstr>
      <vt:lpstr>Section Break Slide Master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roject Planning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llppt.com</dc:creator>
  <cp:lastModifiedBy>Muhammad Hami Asma'l ISMAIL</cp:lastModifiedBy>
  <cp:revision>121</cp:revision>
  <dcterms:created xsi:type="dcterms:W3CDTF">2019-01-14T06:35:35Z</dcterms:created>
  <dcterms:modified xsi:type="dcterms:W3CDTF">2020-12-08T14:17:30Z</dcterms:modified>
</cp:coreProperties>
</file>